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914" r:id="rId12"/>
  </p:sldMasterIdLst>
  <p:notesMasterIdLst>
    <p:notesMasterId r:id="rId23"/>
  </p:notesMasterIdLst>
  <p:sldIdLst>
    <p:sldId id="2147482461" r:id="rId13"/>
    <p:sldId id="2147482452" r:id="rId14"/>
    <p:sldId id="2147482458" r:id="rId15"/>
    <p:sldId id="2147482449" r:id="rId16"/>
    <p:sldId id="2147482460" r:id="rId17"/>
    <p:sldId id="2147482459" r:id="rId18"/>
    <p:sldId id="2147482454" r:id="rId19"/>
    <p:sldId id="2147482453" r:id="rId20"/>
    <p:sldId id="2147482455" r:id="rId21"/>
    <p:sldId id="2147482450" r:id="rId22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07D7910-AFBB-81F4-F78D-D1CB22DB25FB}" name="Szurley, Andrew" initials="SA" userId="S::andrew.szurley@philips.com::2a97ee8d-9f17-4a30-b925-492e83adfd1a" providerId="AD"/>
  <p188:author id="{BCD857D6-1095-ECB9-98FC-A23831D54D07}" name="Molly Millette" initials="MM" userId="Molly Millette" providerId="None"/>
  <p188:author id="{59FBEAEC-950D-838A-404F-595B59C2B3AE}" name="Baranyi, Katalin" initials="BK" userId="S::katalin.baranyi@philips.com::29601c16-b456-4b26-996e-60c2ac4db5c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  <p:ext uri="{1BD7E111-0CB8-44D6-8891-C1BB2F81B7CC}">
      <p1710:readonlyRecommended xmlns:p1710="http://schemas.microsoft.com/office/powerpoint/2017/10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C5DC77E-BCE3-4454-85EE-D04E1E80471A}" v="7" dt="2025-03-24T12:11:57.74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0"/>
  </p:normalViewPr>
  <p:slideViewPr>
    <p:cSldViewPr snapToGrid="0">
      <p:cViewPr varScale="1">
        <p:scale>
          <a:sx n="128" d="100"/>
          <a:sy n="128" d="100"/>
        </p:scale>
        <p:origin x="182" y="82"/>
      </p:cViewPr>
      <p:guideLst>
        <p:guide orient="horz" pos="1620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gridSpacing cx="57150" cy="5715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notesMaster" Target="notesMasters/notesMaster1.xml"/><Relationship Id="rId28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tableStyles" Target="tableStyles.xml"/><Relationship Id="rId30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userId="24820435803_tp_box_2" providerId="OAuth2" clId="{C72944F2-FCC6-4221-946B-2A83CF4184EF}"/>
    <pc:docChg chg="modSld">
      <pc:chgData name="" userId="24820435803_tp_box_2" providerId="OAuth2" clId="{C72944F2-FCC6-4221-946B-2A83CF4184EF}" dt="2025-03-24T21:18:09.406" v="14" actId="121"/>
      <pc:docMkLst>
        <pc:docMk/>
      </pc:docMkLst>
      <pc:sldChg chg="modSp mod">
        <pc:chgData name="" userId="24820435803_tp_box_2" providerId="OAuth2" clId="{C72944F2-FCC6-4221-946B-2A83CF4184EF}" dt="2025-03-24T21:18:09.406" v="14" actId="121"/>
        <pc:sldMkLst>
          <pc:docMk/>
          <pc:sldMk cId="2602210459" sldId="2147482461"/>
        </pc:sldMkLst>
        <pc:spChg chg="mod">
          <ac:chgData name="" userId="24820435803_tp_box_2" providerId="OAuth2" clId="{C72944F2-FCC6-4221-946B-2A83CF4184EF}" dt="2025-03-24T21:17:57.617" v="13" actId="6549"/>
          <ac:spMkLst>
            <pc:docMk/>
            <pc:sldMk cId="2602210459" sldId="2147482461"/>
            <ac:spMk id="6" creationId="{0746553D-7D37-70D1-9CBE-2106177F8DCA}"/>
          </ac:spMkLst>
        </pc:spChg>
        <pc:graphicFrameChg chg="modGraphic">
          <ac:chgData name="" userId="24820435803_tp_box_2" providerId="OAuth2" clId="{C72944F2-FCC6-4221-946B-2A83CF4184EF}" dt="2025-03-24T21:18:09.406" v="14" actId="121"/>
          <ac:graphicFrameMkLst>
            <pc:docMk/>
            <pc:sldMk cId="2602210459" sldId="2147482461"/>
            <ac:graphicFrameMk id="5" creationId="{E7441CEE-2760-0199-F14C-B3614A5B0B54}"/>
          </ac:graphicFrameMkLst>
        </pc:graphicFrameChg>
      </pc:sldChg>
    </pc:docChg>
  </pc:docChgLst>
  <pc:docChgLst>
    <pc:chgData name="Krasinski, Ray" userId="b9b9a31e-8e7b-431f-8958-217299790470" providerId="ADAL" clId="{1C5DC77E-BCE3-4454-85EE-D04E1E80471A}"/>
    <pc:docChg chg="custSel addSld modSld sldOrd">
      <pc:chgData name="Krasinski, Ray" userId="b9b9a31e-8e7b-431f-8958-217299790470" providerId="ADAL" clId="{1C5DC77E-BCE3-4454-85EE-D04E1E80471A}" dt="2025-03-24T12:21:34.653" v="200" actId="113"/>
      <pc:docMkLst>
        <pc:docMk/>
      </pc:docMkLst>
      <pc:sldChg chg="addSp modSp new mod ord">
        <pc:chgData name="Krasinski, Ray" userId="b9b9a31e-8e7b-431f-8958-217299790470" providerId="ADAL" clId="{1C5DC77E-BCE3-4454-85EE-D04E1E80471A}" dt="2025-03-24T12:21:34.653" v="200" actId="113"/>
        <pc:sldMkLst>
          <pc:docMk/>
          <pc:sldMk cId="2602210459" sldId="2147482461"/>
        </pc:sldMkLst>
        <pc:spChg chg="add mod">
          <ac:chgData name="Krasinski, Ray" userId="b9b9a31e-8e7b-431f-8958-217299790470" providerId="ADAL" clId="{1C5DC77E-BCE3-4454-85EE-D04E1E80471A}" dt="2025-03-24T12:20:38.601" v="195" actId="113"/>
          <ac:spMkLst>
            <pc:docMk/>
            <pc:sldMk cId="2602210459" sldId="2147482461"/>
            <ac:spMk id="6" creationId="{0746553D-7D37-70D1-9CBE-2106177F8DCA}"/>
          </ac:spMkLst>
        </pc:spChg>
        <pc:graphicFrameChg chg="add mod">
          <ac:chgData name="Krasinski, Ray" userId="b9b9a31e-8e7b-431f-8958-217299790470" providerId="ADAL" clId="{1C5DC77E-BCE3-4454-85EE-D04E1E80471A}" dt="2025-03-24T12:10:04.992" v="2"/>
          <ac:graphicFrameMkLst>
            <pc:docMk/>
            <pc:sldMk cId="2602210459" sldId="2147482461"/>
            <ac:graphicFrameMk id="4" creationId="{92AB89FE-26C4-BDF4-77D2-118F0F2AE170}"/>
          </ac:graphicFrameMkLst>
        </pc:graphicFrameChg>
        <pc:graphicFrameChg chg="add mod modGraphic">
          <ac:chgData name="Krasinski, Ray" userId="b9b9a31e-8e7b-431f-8958-217299790470" providerId="ADAL" clId="{1C5DC77E-BCE3-4454-85EE-D04E1E80471A}" dt="2025-03-24T12:21:34.653" v="200" actId="113"/>
          <ac:graphicFrameMkLst>
            <pc:docMk/>
            <pc:sldMk cId="2602210459" sldId="2147482461"/>
            <ac:graphicFrameMk id="5" creationId="{E7441CEE-2760-0199-F14C-B3614A5B0B54}"/>
          </ac:graphicFrameMkLst>
        </pc:graphicFrame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3/24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52741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195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1169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26076"/>
            <a:ext cx="6169658" cy="109728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8FA1B3DF-B7F7-A6FC-D2DA-37DFA813DC5D}"/>
              </a:ext>
            </a:extLst>
          </p:cNvPr>
          <p:cNvSpPr/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318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109B459C-0533-A2BA-FEF5-F5A57150BBD3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1E0A8037-C86C-B069-5E81-6927454627E2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4CCA470A-EDFC-4267-5BD2-6E9CA92A0EA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57586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coral (with image)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51AD63CE-F2AD-16D0-5FA9-C9B1AD329701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4A0140F8-C1DA-D543-E73B-826A34144CED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rgbClr val="0B5ED7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F303C8DA-7DAA-6B46-DF91-43499FB65FC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47593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2F4B2C2-825D-08DB-6EEA-E698EE6DDB3F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DC43E1-3C41-8B31-8EB9-6D6F6848EA01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4E2843C6-8DAB-3466-178F-F71F32616C8B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6ECCFF-A929-6A5B-CB9E-1BBF7BFB28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E797AE0A-F0AD-C61C-B8A0-BB31D3BB35AF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45087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CFD8FF5D-3680-130D-B55E-0BD741122D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784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F574A60-D183-D19F-88E6-EEE0C3D702F9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1B99D331-9587-B883-7DF3-0B9D6E5686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E7296B94-E425-EDA6-3EEF-41ED947C7365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47069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1143315D-23FD-5730-9D7C-25427B45A2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74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B612692-DD73-95A3-A271-007D4B4C16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08252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BD8C952-2371-12B5-E414-3D146114F6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8139929" cy="3484800"/>
          </a:xfrm>
        </p:spPr>
        <p:txBody>
          <a:bodyPr/>
          <a:lstStyle>
            <a:lvl1pPr defTabSz="182880">
              <a:defRPr/>
            </a:lvl1pPr>
            <a:lvl2pPr defTabSz="182880">
              <a:defRPr/>
            </a:lvl2pPr>
            <a:lvl3pPr defTabSz="182880">
              <a:defRPr/>
            </a:lvl3pPr>
            <a:lvl4pPr defTabSz="182880">
              <a:defRPr/>
            </a:lvl4pPr>
            <a:lvl5pPr defTabSz="182880"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55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815819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02686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77487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B450D946-063C-E6F2-C532-BF5205DA3DE2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254138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42651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607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99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91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340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2" name="Graphic 3">
            <a:extLst>
              <a:ext uri="{FF2B5EF4-FFF2-40B4-BE49-F238E27FC236}">
                <a16:creationId xmlns:a16="http://schemas.microsoft.com/office/drawing/2014/main" id="{5D13E381-82CC-C9E1-035C-82858900B615}"/>
              </a:ext>
            </a:extLst>
          </p:cNvPr>
          <p:cNvSpPr/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07706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raphic 3">
            <a:extLst>
              <a:ext uri="{FF2B5EF4-FFF2-40B4-BE49-F238E27FC236}">
                <a16:creationId xmlns:a16="http://schemas.microsoft.com/office/drawing/2014/main" id="{EBADA7D2-29C7-B0E9-14B3-F904FBA38FE3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rgbClr val="0B5ED7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ABC8AD33-C05E-2F59-C75F-3C6B4606BCD5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custGeom>
            <a:avLst/>
            <a:gdLst>
              <a:gd name="connsiteX0" fmla="*/ 5608154 w 5889128"/>
              <a:gd name="connsiteY0" fmla="*/ 4918488 h 5143500"/>
              <a:gd name="connsiteX1" fmla="*/ 5608161 w 5889128"/>
              <a:gd name="connsiteY1" fmla="*/ 4918496 h 5143500"/>
              <a:gd name="connsiteX2" fmla="*/ 5608154 w 5889128"/>
              <a:gd name="connsiteY2" fmla="*/ 4918507 h 5143500"/>
              <a:gd name="connsiteX3" fmla="*/ 5503289 w 5889128"/>
              <a:gd name="connsiteY3" fmla="*/ 4908488 h 5143500"/>
              <a:gd name="connsiteX4" fmla="*/ 5528554 w 5889128"/>
              <a:gd name="connsiteY4" fmla="*/ 4930911 h 5143500"/>
              <a:gd name="connsiteX5" fmla="*/ 5503289 w 5889128"/>
              <a:gd name="connsiteY5" fmla="*/ 4955720 h 5143500"/>
              <a:gd name="connsiteX6" fmla="*/ 5497566 w 5889128"/>
              <a:gd name="connsiteY6" fmla="*/ 4955720 h 5143500"/>
              <a:gd name="connsiteX7" fmla="*/ 5497566 w 5889128"/>
              <a:gd name="connsiteY7" fmla="*/ 4908607 h 5143500"/>
              <a:gd name="connsiteX8" fmla="*/ 5503289 w 5889128"/>
              <a:gd name="connsiteY8" fmla="*/ 4908488 h 5143500"/>
              <a:gd name="connsiteX9" fmla="*/ 5055698 w 5889128"/>
              <a:gd name="connsiteY9" fmla="*/ 4908488 h 5143500"/>
              <a:gd name="connsiteX10" fmla="*/ 5080964 w 5889128"/>
              <a:gd name="connsiteY10" fmla="*/ 4930911 h 5143500"/>
              <a:gd name="connsiteX11" fmla="*/ 5055698 w 5889128"/>
              <a:gd name="connsiteY11" fmla="*/ 4955720 h 5143500"/>
              <a:gd name="connsiteX12" fmla="*/ 5049976 w 5889128"/>
              <a:gd name="connsiteY12" fmla="*/ 4955720 h 5143500"/>
              <a:gd name="connsiteX13" fmla="*/ 5049976 w 5889128"/>
              <a:gd name="connsiteY13" fmla="*/ 4908607 h 5143500"/>
              <a:gd name="connsiteX14" fmla="*/ 5055698 w 5889128"/>
              <a:gd name="connsiteY14" fmla="*/ 4908488 h 5143500"/>
              <a:gd name="connsiteX15" fmla="*/ 5401759 w 5889128"/>
              <a:gd name="connsiteY15" fmla="*/ 4889411 h 5143500"/>
              <a:gd name="connsiteX16" fmla="*/ 5401759 w 5889128"/>
              <a:gd name="connsiteY16" fmla="*/ 5003417 h 5143500"/>
              <a:gd name="connsiteX17" fmla="*/ 5436559 w 5889128"/>
              <a:gd name="connsiteY17" fmla="*/ 5003417 h 5143500"/>
              <a:gd name="connsiteX18" fmla="*/ 5436559 w 5889128"/>
              <a:gd name="connsiteY18" fmla="*/ 4889411 h 5143500"/>
              <a:gd name="connsiteX19" fmla="*/ 5321199 w 5889128"/>
              <a:gd name="connsiteY19" fmla="*/ 4889411 h 5143500"/>
              <a:gd name="connsiteX20" fmla="*/ 5321199 w 5889128"/>
              <a:gd name="connsiteY20" fmla="*/ 5003417 h 5143500"/>
              <a:gd name="connsiteX21" fmla="*/ 5384117 w 5889128"/>
              <a:gd name="connsiteY21" fmla="*/ 5003417 h 5143500"/>
              <a:gd name="connsiteX22" fmla="*/ 5389364 w 5889128"/>
              <a:gd name="connsiteY22" fmla="*/ 4980519 h 5143500"/>
              <a:gd name="connsiteX23" fmla="*/ 5355999 w 5889128"/>
              <a:gd name="connsiteY23" fmla="*/ 4980519 h 5143500"/>
              <a:gd name="connsiteX24" fmla="*/ 5355999 w 5889128"/>
              <a:gd name="connsiteY24" fmla="*/ 4889411 h 5143500"/>
              <a:gd name="connsiteX25" fmla="*/ 5260667 w 5889128"/>
              <a:gd name="connsiteY25" fmla="*/ 4889411 h 5143500"/>
              <a:gd name="connsiteX26" fmla="*/ 5260667 w 5889128"/>
              <a:gd name="connsiteY26" fmla="*/ 5003417 h 5143500"/>
              <a:gd name="connsiteX27" fmla="*/ 5295467 w 5889128"/>
              <a:gd name="connsiteY27" fmla="*/ 5003417 h 5143500"/>
              <a:gd name="connsiteX28" fmla="*/ 5295467 w 5889128"/>
              <a:gd name="connsiteY28" fmla="*/ 4889411 h 5143500"/>
              <a:gd name="connsiteX29" fmla="*/ 5129101 w 5889128"/>
              <a:gd name="connsiteY29" fmla="*/ 4889411 h 5143500"/>
              <a:gd name="connsiteX30" fmla="*/ 5129101 w 5889128"/>
              <a:gd name="connsiteY30" fmla="*/ 5003417 h 5143500"/>
              <a:gd name="connsiteX31" fmla="*/ 5163900 w 5889128"/>
              <a:gd name="connsiteY31" fmla="*/ 5003417 h 5143500"/>
              <a:gd name="connsiteX32" fmla="*/ 5163900 w 5889128"/>
              <a:gd name="connsiteY32" fmla="*/ 4958581 h 5143500"/>
              <a:gd name="connsiteX33" fmla="*/ 5200126 w 5889128"/>
              <a:gd name="connsiteY33" fmla="*/ 4958581 h 5143500"/>
              <a:gd name="connsiteX34" fmla="*/ 5200126 w 5889128"/>
              <a:gd name="connsiteY34" fmla="*/ 5003417 h 5143500"/>
              <a:gd name="connsiteX35" fmla="*/ 5234926 w 5889128"/>
              <a:gd name="connsiteY35" fmla="*/ 5003417 h 5143500"/>
              <a:gd name="connsiteX36" fmla="*/ 5234926 w 5889128"/>
              <a:gd name="connsiteY36" fmla="*/ 4889411 h 5143500"/>
              <a:gd name="connsiteX37" fmla="*/ 5200126 w 5889128"/>
              <a:gd name="connsiteY37" fmla="*/ 4889411 h 5143500"/>
              <a:gd name="connsiteX38" fmla="*/ 5200126 w 5889128"/>
              <a:gd name="connsiteY38" fmla="*/ 4934732 h 5143500"/>
              <a:gd name="connsiteX39" fmla="*/ 5163900 w 5889128"/>
              <a:gd name="connsiteY39" fmla="*/ 4934732 h 5143500"/>
              <a:gd name="connsiteX40" fmla="*/ 5163900 w 5889128"/>
              <a:gd name="connsiteY40" fmla="*/ 4889411 h 5143500"/>
              <a:gd name="connsiteX41" fmla="*/ 5505190 w 5889128"/>
              <a:gd name="connsiteY41" fmla="*/ 4887025 h 5143500"/>
              <a:gd name="connsiteX42" fmla="*/ 5462766 w 5889128"/>
              <a:gd name="connsiteY42" fmla="*/ 4889411 h 5143500"/>
              <a:gd name="connsiteX43" fmla="*/ 5462766 w 5889128"/>
              <a:gd name="connsiteY43" fmla="*/ 5003417 h 5143500"/>
              <a:gd name="connsiteX44" fmla="*/ 5497566 w 5889128"/>
              <a:gd name="connsiteY44" fmla="*/ 5003417 h 5143500"/>
              <a:gd name="connsiteX45" fmla="*/ 5497566 w 5889128"/>
              <a:gd name="connsiteY45" fmla="*/ 4976223 h 5143500"/>
              <a:gd name="connsiteX46" fmla="*/ 5509962 w 5889128"/>
              <a:gd name="connsiteY46" fmla="*/ 4976223 h 5143500"/>
              <a:gd name="connsiteX47" fmla="*/ 5509962 w 5889128"/>
              <a:gd name="connsiteY47" fmla="*/ 4976232 h 5143500"/>
              <a:gd name="connsiteX48" fmla="*/ 5562870 w 5889128"/>
              <a:gd name="connsiteY48" fmla="*/ 4930436 h 5143500"/>
              <a:gd name="connsiteX49" fmla="*/ 5505190 w 5889128"/>
              <a:gd name="connsiteY49" fmla="*/ 4887025 h 5143500"/>
              <a:gd name="connsiteX50" fmla="*/ 5057609 w 5889128"/>
              <a:gd name="connsiteY50" fmla="*/ 4887025 h 5143500"/>
              <a:gd name="connsiteX51" fmla="*/ 5015185 w 5889128"/>
              <a:gd name="connsiteY51" fmla="*/ 4889411 h 5143500"/>
              <a:gd name="connsiteX52" fmla="*/ 5015185 w 5889128"/>
              <a:gd name="connsiteY52" fmla="*/ 5003417 h 5143500"/>
              <a:gd name="connsiteX53" fmla="*/ 5049985 w 5889128"/>
              <a:gd name="connsiteY53" fmla="*/ 5003417 h 5143500"/>
              <a:gd name="connsiteX54" fmla="*/ 5049985 w 5889128"/>
              <a:gd name="connsiteY54" fmla="*/ 4976223 h 5143500"/>
              <a:gd name="connsiteX55" fmla="*/ 5062380 w 5889128"/>
              <a:gd name="connsiteY55" fmla="*/ 4976223 h 5143500"/>
              <a:gd name="connsiteX56" fmla="*/ 5062371 w 5889128"/>
              <a:gd name="connsiteY56" fmla="*/ 4976232 h 5143500"/>
              <a:gd name="connsiteX57" fmla="*/ 5115279 w 5889128"/>
              <a:gd name="connsiteY57" fmla="*/ 4930436 h 5143500"/>
              <a:gd name="connsiteX58" fmla="*/ 5057609 w 5889128"/>
              <a:gd name="connsiteY58" fmla="*/ 4887025 h 5143500"/>
              <a:gd name="connsiteX59" fmla="*/ 5620541 w 5889128"/>
              <a:gd name="connsiteY59" fmla="*/ 4887016 h 5143500"/>
              <a:gd name="connsiteX60" fmla="*/ 5573355 w 5889128"/>
              <a:gd name="connsiteY60" fmla="*/ 4921359 h 5143500"/>
              <a:gd name="connsiteX61" fmla="*/ 5627698 w 5889128"/>
              <a:gd name="connsiteY61" fmla="*/ 4971927 h 5143500"/>
              <a:gd name="connsiteX62" fmla="*/ 5609590 w 5889128"/>
              <a:gd name="connsiteY62" fmla="*/ 4982896 h 5143500"/>
              <a:gd name="connsiteX63" fmla="*/ 5570027 w 5889128"/>
              <a:gd name="connsiteY63" fmla="*/ 4973828 h 5143500"/>
              <a:gd name="connsiteX64" fmla="*/ 5573839 w 5889128"/>
              <a:gd name="connsiteY64" fmla="*/ 5000063 h 5143500"/>
              <a:gd name="connsiteX65" fmla="*/ 5610065 w 5889128"/>
              <a:gd name="connsiteY65" fmla="*/ 5005785 h 5143500"/>
              <a:gd name="connsiteX66" fmla="*/ 5662973 w 5889128"/>
              <a:gd name="connsiteY66" fmla="*/ 4967621 h 5143500"/>
              <a:gd name="connsiteX67" fmla="*/ 5616720 w 5889128"/>
              <a:gd name="connsiteY67" fmla="*/ 4928446 h 5143500"/>
              <a:gd name="connsiteX68" fmla="*/ 5608161 w 5889128"/>
              <a:gd name="connsiteY68" fmla="*/ 4918496 h 5143500"/>
              <a:gd name="connsiteX69" fmla="*/ 5612504 w 5889128"/>
              <a:gd name="connsiteY69" fmla="*/ 4911649 h 5143500"/>
              <a:gd name="connsiteX70" fmla="*/ 5624362 w 5889128"/>
              <a:gd name="connsiteY70" fmla="*/ 4909439 h 5143500"/>
              <a:gd name="connsiteX71" fmla="*/ 5655340 w 5889128"/>
              <a:gd name="connsiteY71" fmla="*/ 4915161 h 5143500"/>
              <a:gd name="connsiteX72" fmla="*/ 5652479 w 5889128"/>
              <a:gd name="connsiteY72" fmla="*/ 4890352 h 5143500"/>
              <a:gd name="connsiteX73" fmla="*/ 5620541 w 5889128"/>
              <a:gd name="connsiteY73" fmla="*/ 4887016 h 5143500"/>
              <a:gd name="connsiteX74" fmla="*/ 0 w 5889128"/>
              <a:gd name="connsiteY74" fmla="*/ 0 h 5143500"/>
              <a:gd name="connsiteX75" fmla="*/ 5889128 w 5889128"/>
              <a:gd name="connsiteY75" fmla="*/ 0 h 5143500"/>
              <a:gd name="connsiteX76" fmla="*/ 5889128 w 5889128"/>
              <a:gd name="connsiteY76" fmla="*/ 5143500 h 5143500"/>
              <a:gd name="connsiteX77" fmla="*/ 0 w 5889128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89128" h="5143500">
                <a:moveTo>
                  <a:pt x="5608154" y="4918488"/>
                </a:moveTo>
                <a:lnTo>
                  <a:pt x="5608161" y="4918496"/>
                </a:lnTo>
                <a:lnTo>
                  <a:pt x="5608154" y="4918507"/>
                </a:lnTo>
                <a:close/>
                <a:moveTo>
                  <a:pt x="5503289" y="4908488"/>
                </a:moveTo>
                <a:cubicBezTo>
                  <a:pt x="5520446" y="4908488"/>
                  <a:pt x="5528554" y="4916596"/>
                  <a:pt x="5528554" y="4930911"/>
                </a:cubicBezTo>
                <a:cubicBezTo>
                  <a:pt x="5528554" y="4945701"/>
                  <a:pt x="5521406" y="4955720"/>
                  <a:pt x="5503289" y="4955720"/>
                </a:cubicBezTo>
                <a:lnTo>
                  <a:pt x="5497566" y="4955720"/>
                </a:lnTo>
                <a:lnTo>
                  <a:pt x="5497566" y="4908607"/>
                </a:lnTo>
                <a:cubicBezTo>
                  <a:pt x="5499586" y="4908488"/>
                  <a:pt x="5501497" y="4908488"/>
                  <a:pt x="5503289" y="4908488"/>
                </a:cubicBezTo>
                <a:close/>
                <a:moveTo>
                  <a:pt x="5055698" y="4908488"/>
                </a:moveTo>
                <a:cubicBezTo>
                  <a:pt x="5072856" y="4908488"/>
                  <a:pt x="5080964" y="4916596"/>
                  <a:pt x="5080964" y="4930911"/>
                </a:cubicBezTo>
                <a:cubicBezTo>
                  <a:pt x="5080964" y="4945701"/>
                  <a:pt x="5073816" y="4955720"/>
                  <a:pt x="5055698" y="4955720"/>
                </a:cubicBezTo>
                <a:lnTo>
                  <a:pt x="5049976" y="4955720"/>
                </a:lnTo>
                <a:lnTo>
                  <a:pt x="5049976" y="4908607"/>
                </a:lnTo>
                <a:cubicBezTo>
                  <a:pt x="5052005" y="4908488"/>
                  <a:pt x="5053906" y="4908488"/>
                  <a:pt x="5055698" y="4908488"/>
                </a:cubicBezTo>
                <a:close/>
                <a:moveTo>
                  <a:pt x="5401759" y="4889411"/>
                </a:moveTo>
                <a:lnTo>
                  <a:pt x="5401759" y="5003417"/>
                </a:lnTo>
                <a:lnTo>
                  <a:pt x="5436559" y="5003417"/>
                </a:lnTo>
                <a:lnTo>
                  <a:pt x="5436559" y="4889411"/>
                </a:lnTo>
                <a:close/>
                <a:moveTo>
                  <a:pt x="5321199" y="4889411"/>
                </a:moveTo>
                <a:lnTo>
                  <a:pt x="5321199" y="5003417"/>
                </a:lnTo>
                <a:lnTo>
                  <a:pt x="5384117" y="5003417"/>
                </a:lnTo>
                <a:lnTo>
                  <a:pt x="5389364" y="4980519"/>
                </a:lnTo>
                <a:lnTo>
                  <a:pt x="5355999" y="4980519"/>
                </a:lnTo>
                <a:lnTo>
                  <a:pt x="5355999" y="4889411"/>
                </a:lnTo>
                <a:close/>
                <a:moveTo>
                  <a:pt x="5260667" y="4889411"/>
                </a:moveTo>
                <a:lnTo>
                  <a:pt x="5260667" y="5003417"/>
                </a:lnTo>
                <a:lnTo>
                  <a:pt x="5295467" y="5003417"/>
                </a:lnTo>
                <a:lnTo>
                  <a:pt x="5295467" y="4889411"/>
                </a:lnTo>
                <a:close/>
                <a:moveTo>
                  <a:pt x="5129101" y="4889411"/>
                </a:moveTo>
                <a:lnTo>
                  <a:pt x="5129101" y="5003417"/>
                </a:lnTo>
                <a:lnTo>
                  <a:pt x="5163900" y="5003417"/>
                </a:lnTo>
                <a:lnTo>
                  <a:pt x="5163900" y="4958581"/>
                </a:lnTo>
                <a:lnTo>
                  <a:pt x="5200126" y="4958581"/>
                </a:lnTo>
                <a:lnTo>
                  <a:pt x="5200126" y="5003417"/>
                </a:lnTo>
                <a:lnTo>
                  <a:pt x="5234926" y="5003417"/>
                </a:lnTo>
                <a:lnTo>
                  <a:pt x="5234926" y="4889411"/>
                </a:lnTo>
                <a:lnTo>
                  <a:pt x="5200126" y="4889411"/>
                </a:lnTo>
                <a:lnTo>
                  <a:pt x="5200126" y="4934732"/>
                </a:lnTo>
                <a:lnTo>
                  <a:pt x="5163900" y="4934732"/>
                </a:lnTo>
                <a:lnTo>
                  <a:pt x="5163900" y="4889411"/>
                </a:lnTo>
                <a:close/>
                <a:moveTo>
                  <a:pt x="5505190" y="4887025"/>
                </a:moveTo>
                <a:cubicBezTo>
                  <a:pt x="5491369" y="4887025"/>
                  <a:pt x="5474686" y="4887976"/>
                  <a:pt x="5462766" y="4889411"/>
                </a:cubicBezTo>
                <a:lnTo>
                  <a:pt x="5462766" y="5003417"/>
                </a:lnTo>
                <a:lnTo>
                  <a:pt x="5497566" y="5003417"/>
                </a:lnTo>
                <a:lnTo>
                  <a:pt x="5497566" y="4976223"/>
                </a:lnTo>
                <a:lnTo>
                  <a:pt x="5509962" y="4976223"/>
                </a:lnTo>
                <a:lnTo>
                  <a:pt x="5509962" y="4976232"/>
                </a:lnTo>
                <a:cubicBezTo>
                  <a:pt x="5542376" y="4976232"/>
                  <a:pt x="5562870" y="4959541"/>
                  <a:pt x="5562870" y="4930436"/>
                </a:cubicBezTo>
                <a:cubicBezTo>
                  <a:pt x="5562870" y="4898479"/>
                  <a:pt x="5540940" y="4887025"/>
                  <a:pt x="5505190" y="4887025"/>
                </a:cubicBezTo>
                <a:close/>
                <a:moveTo>
                  <a:pt x="5057609" y="4887025"/>
                </a:moveTo>
                <a:cubicBezTo>
                  <a:pt x="5043787" y="4887025"/>
                  <a:pt x="5027105" y="4887976"/>
                  <a:pt x="5015185" y="4889411"/>
                </a:cubicBezTo>
                <a:lnTo>
                  <a:pt x="5015185" y="5003417"/>
                </a:lnTo>
                <a:lnTo>
                  <a:pt x="5049985" y="5003417"/>
                </a:lnTo>
                <a:lnTo>
                  <a:pt x="5049985" y="4976223"/>
                </a:lnTo>
                <a:lnTo>
                  <a:pt x="5062380" y="4976223"/>
                </a:lnTo>
                <a:lnTo>
                  <a:pt x="5062371" y="4976232"/>
                </a:lnTo>
                <a:cubicBezTo>
                  <a:pt x="5094785" y="4976232"/>
                  <a:pt x="5115279" y="4959541"/>
                  <a:pt x="5115279" y="4930436"/>
                </a:cubicBezTo>
                <a:cubicBezTo>
                  <a:pt x="5115288" y="4898470"/>
                  <a:pt x="5093359" y="4887025"/>
                  <a:pt x="5057609" y="4887025"/>
                </a:cubicBezTo>
                <a:close/>
                <a:moveTo>
                  <a:pt x="5620541" y="4887016"/>
                </a:moveTo>
                <a:cubicBezTo>
                  <a:pt x="5592414" y="4887016"/>
                  <a:pt x="5573355" y="4898104"/>
                  <a:pt x="5573355" y="4921359"/>
                </a:cubicBezTo>
                <a:cubicBezTo>
                  <a:pt x="5573355" y="4961433"/>
                  <a:pt x="5627698" y="4953325"/>
                  <a:pt x="5627698" y="4971927"/>
                </a:cubicBezTo>
                <a:cubicBezTo>
                  <a:pt x="5627698" y="4979084"/>
                  <a:pt x="5622451" y="4982896"/>
                  <a:pt x="5609590" y="4982896"/>
                </a:cubicBezTo>
                <a:cubicBezTo>
                  <a:pt x="5598145" y="4982896"/>
                  <a:pt x="5580512" y="4979084"/>
                  <a:pt x="5570027" y="4973828"/>
                </a:cubicBezTo>
                <a:lnTo>
                  <a:pt x="5573839" y="5000063"/>
                </a:lnTo>
                <a:cubicBezTo>
                  <a:pt x="5584324" y="5003884"/>
                  <a:pt x="5598630" y="5005785"/>
                  <a:pt x="5610065" y="5005785"/>
                </a:cubicBezTo>
                <a:cubicBezTo>
                  <a:pt x="5639143" y="5005785"/>
                  <a:pt x="5662973" y="4996242"/>
                  <a:pt x="5662973" y="4967621"/>
                </a:cubicBezTo>
                <a:cubicBezTo>
                  <a:pt x="5662973" y="4938999"/>
                  <a:pt x="5632137" y="4935869"/>
                  <a:pt x="5616720" y="4928446"/>
                </a:cubicBezTo>
                <a:lnTo>
                  <a:pt x="5608161" y="4918496"/>
                </a:lnTo>
                <a:lnTo>
                  <a:pt x="5612504" y="4911649"/>
                </a:lnTo>
                <a:cubicBezTo>
                  <a:pt x="5615305" y="4910157"/>
                  <a:pt x="5619357" y="4909439"/>
                  <a:pt x="5624362" y="4909439"/>
                </a:cubicBezTo>
                <a:cubicBezTo>
                  <a:pt x="5635322" y="4909439"/>
                  <a:pt x="5647242" y="4911825"/>
                  <a:pt x="5655340" y="4915161"/>
                </a:cubicBezTo>
                <a:lnTo>
                  <a:pt x="5652479" y="4890352"/>
                </a:lnTo>
                <a:cubicBezTo>
                  <a:pt x="5643421" y="4888442"/>
                  <a:pt x="5635322" y="4887016"/>
                  <a:pt x="5620541" y="4887016"/>
                </a:cubicBezTo>
                <a:close/>
                <a:moveTo>
                  <a:pt x="0" y="0"/>
                </a:moveTo>
                <a:lnTo>
                  <a:pt x="5889128" y="0"/>
                </a:lnTo>
                <a:lnTo>
                  <a:pt x="5889128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3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59367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5889128" cy="5143500"/>
          </a:xfrm>
          <a:prstGeom prst="rect">
            <a:avLst/>
          </a:pr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58065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74673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5563654-036F-6829-E30C-B4D3CB5DDED8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3999" cy="5143500"/>
          </a:xfrm>
          <a:custGeom>
            <a:avLst/>
            <a:gdLst>
              <a:gd name="connsiteX0" fmla="*/ 8863025 w 9143999"/>
              <a:gd name="connsiteY0" fmla="*/ 4918488 h 5143500"/>
              <a:gd name="connsiteX1" fmla="*/ 8863036 w 9143999"/>
              <a:gd name="connsiteY1" fmla="*/ 4918501 h 5143500"/>
              <a:gd name="connsiteX2" fmla="*/ 8863025 w 9143999"/>
              <a:gd name="connsiteY2" fmla="*/ 4918507 h 5143500"/>
              <a:gd name="connsiteX3" fmla="*/ 8758160 w 9143999"/>
              <a:gd name="connsiteY3" fmla="*/ 4908488 h 5143500"/>
              <a:gd name="connsiteX4" fmla="*/ 8783425 w 9143999"/>
              <a:gd name="connsiteY4" fmla="*/ 4930911 h 5143500"/>
              <a:gd name="connsiteX5" fmla="*/ 8758160 w 9143999"/>
              <a:gd name="connsiteY5" fmla="*/ 4955720 h 5143500"/>
              <a:gd name="connsiteX6" fmla="*/ 8752437 w 9143999"/>
              <a:gd name="connsiteY6" fmla="*/ 4955720 h 5143500"/>
              <a:gd name="connsiteX7" fmla="*/ 8752437 w 9143999"/>
              <a:gd name="connsiteY7" fmla="*/ 4908607 h 5143500"/>
              <a:gd name="connsiteX8" fmla="*/ 8758160 w 9143999"/>
              <a:gd name="connsiteY8" fmla="*/ 4908488 h 5143500"/>
              <a:gd name="connsiteX9" fmla="*/ 8310569 w 9143999"/>
              <a:gd name="connsiteY9" fmla="*/ 4908488 h 5143500"/>
              <a:gd name="connsiteX10" fmla="*/ 8335835 w 9143999"/>
              <a:gd name="connsiteY10" fmla="*/ 4930911 h 5143500"/>
              <a:gd name="connsiteX11" fmla="*/ 8310569 w 9143999"/>
              <a:gd name="connsiteY11" fmla="*/ 4955720 h 5143500"/>
              <a:gd name="connsiteX12" fmla="*/ 8304847 w 9143999"/>
              <a:gd name="connsiteY12" fmla="*/ 4955720 h 5143500"/>
              <a:gd name="connsiteX13" fmla="*/ 8304847 w 9143999"/>
              <a:gd name="connsiteY13" fmla="*/ 4908607 h 5143500"/>
              <a:gd name="connsiteX14" fmla="*/ 8310569 w 9143999"/>
              <a:gd name="connsiteY14" fmla="*/ 4908488 h 5143500"/>
              <a:gd name="connsiteX15" fmla="*/ 8656630 w 9143999"/>
              <a:gd name="connsiteY15" fmla="*/ 4889411 h 5143500"/>
              <a:gd name="connsiteX16" fmla="*/ 8656630 w 9143999"/>
              <a:gd name="connsiteY16" fmla="*/ 5003417 h 5143500"/>
              <a:gd name="connsiteX17" fmla="*/ 8691430 w 9143999"/>
              <a:gd name="connsiteY17" fmla="*/ 5003417 h 5143500"/>
              <a:gd name="connsiteX18" fmla="*/ 8691430 w 9143999"/>
              <a:gd name="connsiteY18" fmla="*/ 4889411 h 5143500"/>
              <a:gd name="connsiteX19" fmla="*/ 8576070 w 9143999"/>
              <a:gd name="connsiteY19" fmla="*/ 4889411 h 5143500"/>
              <a:gd name="connsiteX20" fmla="*/ 8576070 w 9143999"/>
              <a:gd name="connsiteY20" fmla="*/ 5003417 h 5143500"/>
              <a:gd name="connsiteX21" fmla="*/ 8638988 w 9143999"/>
              <a:gd name="connsiteY21" fmla="*/ 5003417 h 5143500"/>
              <a:gd name="connsiteX22" fmla="*/ 8644235 w 9143999"/>
              <a:gd name="connsiteY22" fmla="*/ 4980519 h 5143500"/>
              <a:gd name="connsiteX23" fmla="*/ 8610870 w 9143999"/>
              <a:gd name="connsiteY23" fmla="*/ 4980519 h 5143500"/>
              <a:gd name="connsiteX24" fmla="*/ 8610870 w 9143999"/>
              <a:gd name="connsiteY24" fmla="*/ 4889411 h 5143500"/>
              <a:gd name="connsiteX25" fmla="*/ 8515538 w 9143999"/>
              <a:gd name="connsiteY25" fmla="*/ 4889411 h 5143500"/>
              <a:gd name="connsiteX26" fmla="*/ 8515538 w 9143999"/>
              <a:gd name="connsiteY26" fmla="*/ 5003417 h 5143500"/>
              <a:gd name="connsiteX27" fmla="*/ 8550338 w 9143999"/>
              <a:gd name="connsiteY27" fmla="*/ 5003417 h 5143500"/>
              <a:gd name="connsiteX28" fmla="*/ 8550338 w 9143999"/>
              <a:gd name="connsiteY28" fmla="*/ 4889411 h 5143500"/>
              <a:gd name="connsiteX29" fmla="*/ 8383972 w 9143999"/>
              <a:gd name="connsiteY29" fmla="*/ 4889411 h 5143500"/>
              <a:gd name="connsiteX30" fmla="*/ 8383972 w 9143999"/>
              <a:gd name="connsiteY30" fmla="*/ 5003417 h 5143500"/>
              <a:gd name="connsiteX31" fmla="*/ 8418771 w 9143999"/>
              <a:gd name="connsiteY31" fmla="*/ 5003417 h 5143500"/>
              <a:gd name="connsiteX32" fmla="*/ 8418771 w 9143999"/>
              <a:gd name="connsiteY32" fmla="*/ 4958581 h 5143500"/>
              <a:gd name="connsiteX33" fmla="*/ 8454997 w 9143999"/>
              <a:gd name="connsiteY33" fmla="*/ 4958581 h 5143500"/>
              <a:gd name="connsiteX34" fmla="*/ 8454997 w 9143999"/>
              <a:gd name="connsiteY34" fmla="*/ 5003417 h 5143500"/>
              <a:gd name="connsiteX35" fmla="*/ 8489797 w 9143999"/>
              <a:gd name="connsiteY35" fmla="*/ 5003417 h 5143500"/>
              <a:gd name="connsiteX36" fmla="*/ 8489797 w 9143999"/>
              <a:gd name="connsiteY36" fmla="*/ 4889411 h 5143500"/>
              <a:gd name="connsiteX37" fmla="*/ 8454997 w 9143999"/>
              <a:gd name="connsiteY37" fmla="*/ 4889411 h 5143500"/>
              <a:gd name="connsiteX38" fmla="*/ 8454997 w 9143999"/>
              <a:gd name="connsiteY38" fmla="*/ 4934732 h 5143500"/>
              <a:gd name="connsiteX39" fmla="*/ 8418771 w 9143999"/>
              <a:gd name="connsiteY39" fmla="*/ 4934732 h 5143500"/>
              <a:gd name="connsiteX40" fmla="*/ 8418771 w 9143999"/>
              <a:gd name="connsiteY40" fmla="*/ 4889411 h 5143500"/>
              <a:gd name="connsiteX41" fmla="*/ 8760061 w 9143999"/>
              <a:gd name="connsiteY41" fmla="*/ 4887025 h 5143500"/>
              <a:gd name="connsiteX42" fmla="*/ 8717637 w 9143999"/>
              <a:gd name="connsiteY42" fmla="*/ 4889411 h 5143500"/>
              <a:gd name="connsiteX43" fmla="*/ 8717637 w 9143999"/>
              <a:gd name="connsiteY43" fmla="*/ 5003417 h 5143500"/>
              <a:gd name="connsiteX44" fmla="*/ 8752437 w 9143999"/>
              <a:gd name="connsiteY44" fmla="*/ 5003417 h 5143500"/>
              <a:gd name="connsiteX45" fmla="*/ 8752437 w 9143999"/>
              <a:gd name="connsiteY45" fmla="*/ 4976223 h 5143500"/>
              <a:gd name="connsiteX46" fmla="*/ 8764833 w 9143999"/>
              <a:gd name="connsiteY46" fmla="*/ 4976223 h 5143500"/>
              <a:gd name="connsiteX47" fmla="*/ 8764833 w 9143999"/>
              <a:gd name="connsiteY47" fmla="*/ 4976232 h 5143500"/>
              <a:gd name="connsiteX48" fmla="*/ 8817741 w 9143999"/>
              <a:gd name="connsiteY48" fmla="*/ 4930436 h 5143500"/>
              <a:gd name="connsiteX49" fmla="*/ 8760061 w 9143999"/>
              <a:gd name="connsiteY49" fmla="*/ 4887025 h 5143500"/>
              <a:gd name="connsiteX50" fmla="*/ 8312480 w 9143999"/>
              <a:gd name="connsiteY50" fmla="*/ 4887025 h 5143500"/>
              <a:gd name="connsiteX51" fmla="*/ 8270056 w 9143999"/>
              <a:gd name="connsiteY51" fmla="*/ 4889411 h 5143500"/>
              <a:gd name="connsiteX52" fmla="*/ 8270056 w 9143999"/>
              <a:gd name="connsiteY52" fmla="*/ 5003417 h 5143500"/>
              <a:gd name="connsiteX53" fmla="*/ 8304856 w 9143999"/>
              <a:gd name="connsiteY53" fmla="*/ 5003417 h 5143500"/>
              <a:gd name="connsiteX54" fmla="*/ 8304856 w 9143999"/>
              <a:gd name="connsiteY54" fmla="*/ 4976223 h 5143500"/>
              <a:gd name="connsiteX55" fmla="*/ 8317251 w 9143999"/>
              <a:gd name="connsiteY55" fmla="*/ 4976223 h 5143500"/>
              <a:gd name="connsiteX56" fmla="*/ 8317242 w 9143999"/>
              <a:gd name="connsiteY56" fmla="*/ 4976232 h 5143500"/>
              <a:gd name="connsiteX57" fmla="*/ 8370150 w 9143999"/>
              <a:gd name="connsiteY57" fmla="*/ 4930436 h 5143500"/>
              <a:gd name="connsiteX58" fmla="*/ 8312480 w 9143999"/>
              <a:gd name="connsiteY58" fmla="*/ 4887025 h 5143500"/>
              <a:gd name="connsiteX59" fmla="*/ 8875412 w 9143999"/>
              <a:gd name="connsiteY59" fmla="*/ 4887016 h 5143500"/>
              <a:gd name="connsiteX60" fmla="*/ 8828226 w 9143999"/>
              <a:gd name="connsiteY60" fmla="*/ 4921359 h 5143500"/>
              <a:gd name="connsiteX61" fmla="*/ 8882569 w 9143999"/>
              <a:gd name="connsiteY61" fmla="*/ 4971927 h 5143500"/>
              <a:gd name="connsiteX62" fmla="*/ 8864461 w 9143999"/>
              <a:gd name="connsiteY62" fmla="*/ 4982896 h 5143500"/>
              <a:gd name="connsiteX63" fmla="*/ 8824898 w 9143999"/>
              <a:gd name="connsiteY63" fmla="*/ 4973828 h 5143500"/>
              <a:gd name="connsiteX64" fmla="*/ 8828710 w 9143999"/>
              <a:gd name="connsiteY64" fmla="*/ 5000063 h 5143500"/>
              <a:gd name="connsiteX65" fmla="*/ 8864936 w 9143999"/>
              <a:gd name="connsiteY65" fmla="*/ 5005785 h 5143500"/>
              <a:gd name="connsiteX66" fmla="*/ 8917844 w 9143999"/>
              <a:gd name="connsiteY66" fmla="*/ 4967621 h 5143500"/>
              <a:gd name="connsiteX67" fmla="*/ 8871590 w 9143999"/>
              <a:gd name="connsiteY67" fmla="*/ 4928446 h 5143500"/>
              <a:gd name="connsiteX68" fmla="*/ 8863036 w 9143999"/>
              <a:gd name="connsiteY68" fmla="*/ 4918501 h 5143500"/>
              <a:gd name="connsiteX69" fmla="*/ 8879233 w 9143999"/>
              <a:gd name="connsiteY69" fmla="*/ 4909439 h 5143500"/>
              <a:gd name="connsiteX70" fmla="*/ 8910211 w 9143999"/>
              <a:gd name="connsiteY70" fmla="*/ 4915161 h 5143500"/>
              <a:gd name="connsiteX71" fmla="*/ 8907350 w 9143999"/>
              <a:gd name="connsiteY71" fmla="*/ 4890352 h 5143500"/>
              <a:gd name="connsiteX72" fmla="*/ 8875412 w 9143999"/>
              <a:gd name="connsiteY72" fmla="*/ 4887016 h 5143500"/>
              <a:gd name="connsiteX73" fmla="*/ 0 w 9143999"/>
              <a:gd name="connsiteY73" fmla="*/ 0 h 5143500"/>
              <a:gd name="connsiteX74" fmla="*/ 9143999 w 9143999"/>
              <a:gd name="connsiteY74" fmla="*/ 0 h 5143500"/>
              <a:gd name="connsiteX75" fmla="*/ 9143999 w 9143999"/>
              <a:gd name="connsiteY75" fmla="*/ 5143500 h 5143500"/>
              <a:gd name="connsiteX76" fmla="*/ 0 w 9143999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3999" h="5143500">
                <a:moveTo>
                  <a:pt x="8863025" y="4918488"/>
                </a:moveTo>
                <a:lnTo>
                  <a:pt x="8863036" y="4918501"/>
                </a:lnTo>
                <a:lnTo>
                  <a:pt x="8863025" y="4918507"/>
                </a:lnTo>
                <a:close/>
                <a:moveTo>
                  <a:pt x="8758160" y="4908488"/>
                </a:moveTo>
                <a:cubicBezTo>
                  <a:pt x="8775317" y="4908488"/>
                  <a:pt x="8783425" y="4916596"/>
                  <a:pt x="8783425" y="4930911"/>
                </a:cubicBezTo>
                <a:cubicBezTo>
                  <a:pt x="8783425" y="4945701"/>
                  <a:pt x="8776277" y="4955720"/>
                  <a:pt x="8758160" y="4955720"/>
                </a:cubicBezTo>
                <a:lnTo>
                  <a:pt x="8752437" y="4955720"/>
                </a:lnTo>
                <a:lnTo>
                  <a:pt x="8752437" y="4908607"/>
                </a:lnTo>
                <a:cubicBezTo>
                  <a:pt x="8754457" y="4908488"/>
                  <a:pt x="8756368" y="4908488"/>
                  <a:pt x="8758160" y="4908488"/>
                </a:cubicBezTo>
                <a:close/>
                <a:moveTo>
                  <a:pt x="8310569" y="4908488"/>
                </a:moveTo>
                <a:cubicBezTo>
                  <a:pt x="8327727" y="4908488"/>
                  <a:pt x="8335835" y="4916596"/>
                  <a:pt x="8335835" y="4930911"/>
                </a:cubicBezTo>
                <a:cubicBezTo>
                  <a:pt x="8335835" y="4945701"/>
                  <a:pt x="8328687" y="4955720"/>
                  <a:pt x="8310569" y="4955720"/>
                </a:cubicBezTo>
                <a:lnTo>
                  <a:pt x="8304847" y="4955720"/>
                </a:lnTo>
                <a:lnTo>
                  <a:pt x="8304847" y="4908607"/>
                </a:lnTo>
                <a:cubicBezTo>
                  <a:pt x="8306876" y="4908488"/>
                  <a:pt x="8308777" y="4908488"/>
                  <a:pt x="8310569" y="4908488"/>
                </a:cubicBezTo>
                <a:close/>
                <a:moveTo>
                  <a:pt x="8656630" y="4889411"/>
                </a:moveTo>
                <a:lnTo>
                  <a:pt x="8656630" y="5003417"/>
                </a:lnTo>
                <a:lnTo>
                  <a:pt x="8691430" y="5003417"/>
                </a:lnTo>
                <a:lnTo>
                  <a:pt x="8691430" y="4889411"/>
                </a:lnTo>
                <a:close/>
                <a:moveTo>
                  <a:pt x="8576070" y="4889411"/>
                </a:moveTo>
                <a:lnTo>
                  <a:pt x="8576070" y="5003417"/>
                </a:lnTo>
                <a:lnTo>
                  <a:pt x="8638988" y="5003417"/>
                </a:lnTo>
                <a:lnTo>
                  <a:pt x="8644235" y="4980519"/>
                </a:lnTo>
                <a:lnTo>
                  <a:pt x="8610870" y="4980519"/>
                </a:lnTo>
                <a:lnTo>
                  <a:pt x="8610870" y="4889411"/>
                </a:lnTo>
                <a:close/>
                <a:moveTo>
                  <a:pt x="8515538" y="4889411"/>
                </a:moveTo>
                <a:lnTo>
                  <a:pt x="8515538" y="5003417"/>
                </a:lnTo>
                <a:lnTo>
                  <a:pt x="8550338" y="5003417"/>
                </a:lnTo>
                <a:lnTo>
                  <a:pt x="8550338" y="4889411"/>
                </a:lnTo>
                <a:close/>
                <a:moveTo>
                  <a:pt x="8383972" y="4889411"/>
                </a:moveTo>
                <a:lnTo>
                  <a:pt x="8383972" y="5003417"/>
                </a:lnTo>
                <a:lnTo>
                  <a:pt x="8418771" y="5003417"/>
                </a:lnTo>
                <a:lnTo>
                  <a:pt x="8418771" y="4958581"/>
                </a:lnTo>
                <a:lnTo>
                  <a:pt x="8454997" y="4958581"/>
                </a:lnTo>
                <a:lnTo>
                  <a:pt x="8454997" y="5003417"/>
                </a:lnTo>
                <a:lnTo>
                  <a:pt x="8489797" y="5003417"/>
                </a:lnTo>
                <a:lnTo>
                  <a:pt x="8489797" y="4889411"/>
                </a:lnTo>
                <a:lnTo>
                  <a:pt x="8454997" y="4889411"/>
                </a:lnTo>
                <a:lnTo>
                  <a:pt x="8454997" y="4934732"/>
                </a:lnTo>
                <a:lnTo>
                  <a:pt x="8418771" y="4934732"/>
                </a:lnTo>
                <a:lnTo>
                  <a:pt x="8418771" y="4889411"/>
                </a:lnTo>
                <a:close/>
                <a:moveTo>
                  <a:pt x="8760061" y="4887025"/>
                </a:moveTo>
                <a:cubicBezTo>
                  <a:pt x="8746240" y="4887025"/>
                  <a:pt x="8729557" y="4887976"/>
                  <a:pt x="8717637" y="4889411"/>
                </a:cubicBezTo>
                <a:lnTo>
                  <a:pt x="8717637" y="5003417"/>
                </a:lnTo>
                <a:lnTo>
                  <a:pt x="8752437" y="5003417"/>
                </a:lnTo>
                <a:lnTo>
                  <a:pt x="8752437" y="4976223"/>
                </a:lnTo>
                <a:lnTo>
                  <a:pt x="8764833" y="4976223"/>
                </a:lnTo>
                <a:lnTo>
                  <a:pt x="8764833" y="4976232"/>
                </a:lnTo>
                <a:cubicBezTo>
                  <a:pt x="8797247" y="4976232"/>
                  <a:pt x="8817741" y="4959541"/>
                  <a:pt x="8817741" y="4930436"/>
                </a:cubicBezTo>
                <a:cubicBezTo>
                  <a:pt x="8817741" y="4898479"/>
                  <a:pt x="8795811" y="4887025"/>
                  <a:pt x="8760061" y="4887025"/>
                </a:cubicBezTo>
                <a:close/>
                <a:moveTo>
                  <a:pt x="8312480" y="4887025"/>
                </a:moveTo>
                <a:cubicBezTo>
                  <a:pt x="8298658" y="4887025"/>
                  <a:pt x="8281976" y="4887976"/>
                  <a:pt x="8270056" y="4889411"/>
                </a:cubicBezTo>
                <a:lnTo>
                  <a:pt x="8270056" y="5003417"/>
                </a:lnTo>
                <a:lnTo>
                  <a:pt x="8304856" y="5003417"/>
                </a:lnTo>
                <a:lnTo>
                  <a:pt x="8304856" y="4976223"/>
                </a:lnTo>
                <a:lnTo>
                  <a:pt x="8317251" y="4976223"/>
                </a:lnTo>
                <a:lnTo>
                  <a:pt x="8317242" y="4976232"/>
                </a:lnTo>
                <a:cubicBezTo>
                  <a:pt x="8349656" y="4976232"/>
                  <a:pt x="8370150" y="4959541"/>
                  <a:pt x="8370150" y="4930436"/>
                </a:cubicBezTo>
                <a:cubicBezTo>
                  <a:pt x="8370159" y="4898470"/>
                  <a:pt x="8348230" y="4887025"/>
                  <a:pt x="8312480" y="4887025"/>
                </a:cubicBezTo>
                <a:close/>
                <a:moveTo>
                  <a:pt x="8875412" y="4887016"/>
                </a:moveTo>
                <a:cubicBezTo>
                  <a:pt x="8847285" y="4887016"/>
                  <a:pt x="8828226" y="4898104"/>
                  <a:pt x="8828226" y="4921359"/>
                </a:cubicBezTo>
                <a:cubicBezTo>
                  <a:pt x="8828226" y="4961433"/>
                  <a:pt x="8882569" y="4953325"/>
                  <a:pt x="8882569" y="4971927"/>
                </a:cubicBezTo>
                <a:cubicBezTo>
                  <a:pt x="8882569" y="4979084"/>
                  <a:pt x="8877322" y="4982896"/>
                  <a:pt x="8864461" y="4982896"/>
                </a:cubicBezTo>
                <a:cubicBezTo>
                  <a:pt x="8853016" y="4982896"/>
                  <a:pt x="8835383" y="4979084"/>
                  <a:pt x="8824898" y="4973828"/>
                </a:cubicBezTo>
                <a:lnTo>
                  <a:pt x="8828710" y="5000063"/>
                </a:lnTo>
                <a:cubicBezTo>
                  <a:pt x="8839195" y="5003884"/>
                  <a:pt x="8853501" y="5005785"/>
                  <a:pt x="8864936" y="5005785"/>
                </a:cubicBezTo>
                <a:cubicBezTo>
                  <a:pt x="8894014" y="5005785"/>
                  <a:pt x="8917844" y="4996242"/>
                  <a:pt x="8917844" y="4967621"/>
                </a:cubicBezTo>
                <a:cubicBezTo>
                  <a:pt x="8917844" y="4938999"/>
                  <a:pt x="8887008" y="4935869"/>
                  <a:pt x="8871590" y="4928446"/>
                </a:cubicBezTo>
                <a:lnTo>
                  <a:pt x="8863036" y="4918501"/>
                </a:lnTo>
                <a:lnTo>
                  <a:pt x="8879233" y="4909439"/>
                </a:lnTo>
                <a:cubicBezTo>
                  <a:pt x="8890193" y="4909439"/>
                  <a:pt x="8902113" y="4911825"/>
                  <a:pt x="8910211" y="4915161"/>
                </a:cubicBezTo>
                <a:lnTo>
                  <a:pt x="8907350" y="4890352"/>
                </a:lnTo>
                <a:cubicBezTo>
                  <a:pt x="8898292" y="4888442"/>
                  <a:pt x="8890193" y="4887016"/>
                  <a:pt x="8875412" y="4887016"/>
                </a:cubicBezTo>
                <a:close/>
                <a:moveTo>
                  <a:pt x="0" y="0"/>
                </a:moveTo>
                <a:lnTo>
                  <a:pt x="9143999" y="0"/>
                </a:lnTo>
                <a:lnTo>
                  <a:pt x="9143999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8705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5B02D2D-78C2-DF6C-44E7-E210869DEA17}"/>
              </a:ext>
            </a:extLst>
          </p:cNvPr>
          <p:cNvSpPr>
            <a:spLocks noGrp="1"/>
          </p:cNvSpPr>
          <p:nvPr userDrawn="1"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7BCE1C-8B2D-2C20-DA1F-914D85142B69}"/>
              </a:ext>
            </a:extLst>
          </p:cNvPr>
          <p:cNvSpPr>
            <a:spLocks noGrp="1"/>
          </p:cNvSpPr>
          <p:nvPr userDrawn="1"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39A65204-B63A-C92D-8559-99D1D30D9D56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01E91343-BDCF-AC3A-40D7-0F1157E570DE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02194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5924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C54A277B-7964-B12B-9A03-B942824271BA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27C29E7A-B73D-4E62-4C77-AAD3DBE937AE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41259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962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97991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B5A4746-22DC-AA0B-4718-963106F42FF2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EBD3D34-771A-D991-0AFD-D570EC7F6C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lease note: black slides to be used for clinical images only!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51EE049-9196-8C24-394F-BE5DBFD3850F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97317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A49C5B3-0EE3-680C-0685-B2F90A2FAF26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6332D85-EA2F-6DDB-7DDF-2C062FF9EA9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8135939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A0211DD-0F60-E2A1-FBD2-3D9D286E69BB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9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FF834536-5D62-6E74-BF5A-1FF0B9592C51}"/>
              </a:ext>
            </a:extLst>
          </p:cNvPr>
          <p:cNvSpPr/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0614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for clinical cas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5FDB047-9967-2145-80C3-D61266F3B592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4C3D6067-C121-A6A9-99EE-84CAE8843EE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6DE59561-A21E-9F90-D0F1-D96788F1F4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821466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4A979538-0DC5-6402-C311-241613A2370C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6848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2913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245433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7536EE68-DBDC-3BAA-878D-9EE447BFBAB1}"/>
              </a:ext>
            </a:extLst>
          </p:cNvPr>
          <p:cNvSpPr/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64325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F568C8-1BD7-E7B3-38E2-5B7ED0EA40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8132765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D049C77E-35AD-3CFF-778D-2778583A3DA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3DC6205-A83D-C56E-95E7-87AD3BD94FD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98348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B8B6A192-560C-26DF-0654-5406C61E06FE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74557FD-3C88-91B2-A93D-C292FF65A8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55312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5A40221-5DA6-10A4-CE38-F9D1C18EE09C}"/>
              </a:ext>
            </a:extLst>
          </p:cNvPr>
          <p:cNvSpPr/>
          <p:nvPr userDrawn="1"/>
        </p:nvSpPr>
        <p:spPr>
          <a:xfrm>
            <a:off x="4572000" y="0"/>
            <a:ext cx="4572000" cy="5143500"/>
          </a:xfrm>
          <a:prstGeom prst="rect">
            <a:avLst/>
          </a:prstGeom>
          <a:solidFill>
            <a:schemeClr val="bg1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 dirty="0">
              <a:solidFill>
                <a:schemeClr val="bg1"/>
              </a:solidFill>
            </a:endParaRPr>
          </a:p>
        </p:txBody>
      </p:sp>
      <p:pic>
        <p:nvPicPr>
          <p:cNvPr id="16" name="Graphic 15">
            <a:extLst>
              <a:ext uri="{FF2B5EF4-FFF2-40B4-BE49-F238E27FC236}">
                <a16:creationId xmlns:a16="http://schemas.microsoft.com/office/drawing/2014/main" id="{B74FA7A2-C208-CA8F-FF1F-AA1A5D0C4B5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FDDA9136-D3F9-F711-4B85-494AA9FC0C73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75CE4425-35A1-314D-C48B-0DFD71FE951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 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2D7C9E-6318-F070-BCE4-366530922D6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Tx/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A38994D7-FF6E-89BB-7971-44B59E5419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3657281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14028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3CF0764-DFB5-2754-87CE-F77CA3FFD3CD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760C7FB-B180-5117-2B14-5A6E759E66A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8CC558-3F63-D067-60A8-9C372770394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396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360DB3D-7BF0-14A1-B8F5-D344164BBEB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0EEF85-22C8-02AB-F7C4-D3F7156CA57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F76CAF0A-B4E2-B417-C35B-E116EF9D3810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4012688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3029D1A3-83DA-8590-DBA0-18A90F22E7FA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58D52DC9-CECD-E119-65AB-88BD5ED5C2DD}"/>
              </a:ext>
            </a:extLst>
          </p:cNvPr>
          <p:cNvSpPr/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0CE73CA-8B06-B187-2902-ACEEB863545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4E49EA-D788-2D1C-DE2B-0028D74CD9E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7666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1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9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96BED03-B79E-768B-FF09-7F2F6229ED22}"/>
              </a:ext>
            </a:extLst>
          </p:cNvPr>
          <p:cNvSpPr txBox="1">
            <a:spLocks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53356289-1E30-3F0B-BFA0-B9AFF2A1E47D}"/>
              </a:ext>
            </a:extLst>
          </p:cNvPr>
          <p:cNvPicPr>
            <a:picLocks noChangeAspect="1"/>
          </p:cNvPicPr>
          <p:nvPr userDrawn="1"/>
        </p:nvPicPr>
        <p:blipFill>
          <a:blip r:embed="rId34">
            <a:extLs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62345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15" r:id="rId1"/>
    <p:sldLayoutId id="2147483916" r:id="rId2"/>
    <p:sldLayoutId id="2147483920" r:id="rId3"/>
    <p:sldLayoutId id="2147483922" r:id="rId4"/>
    <p:sldLayoutId id="2147483951" r:id="rId5"/>
    <p:sldLayoutId id="2147483937" r:id="rId6"/>
    <p:sldLayoutId id="2147483925" r:id="rId7"/>
    <p:sldLayoutId id="2147483926" r:id="rId8"/>
    <p:sldLayoutId id="2147483927" r:id="rId9"/>
    <p:sldLayoutId id="2147483928" r:id="rId10"/>
    <p:sldLayoutId id="2147483958" r:id="rId11"/>
    <p:sldLayoutId id="2147483929" r:id="rId12"/>
    <p:sldLayoutId id="2147483930" r:id="rId13"/>
    <p:sldLayoutId id="2147483931" r:id="rId14"/>
    <p:sldLayoutId id="2147483932" r:id="rId15"/>
    <p:sldLayoutId id="2147483959" r:id="rId16"/>
    <p:sldLayoutId id="2147483936" r:id="rId17"/>
    <p:sldLayoutId id="2147483952" r:id="rId18"/>
    <p:sldLayoutId id="2147483961" r:id="rId19"/>
    <p:sldLayoutId id="2147483940" r:id="rId20"/>
    <p:sldLayoutId id="2147483962" r:id="rId21"/>
    <p:sldLayoutId id="2147483954" r:id="rId22"/>
    <p:sldLayoutId id="2147483934" r:id="rId23"/>
    <p:sldLayoutId id="2147483933" r:id="rId24"/>
    <p:sldLayoutId id="2147483935" r:id="rId25"/>
    <p:sldLayoutId id="2147483953" r:id="rId26"/>
    <p:sldLayoutId id="2147483960" r:id="rId27"/>
    <p:sldLayoutId id="2147483955" r:id="rId28"/>
    <p:sldLayoutId id="2147483956" r:id="rId29"/>
    <p:sldLayoutId id="2147483957" r:id="rId30"/>
    <p:sldLayoutId id="2147483948" r:id="rId31"/>
    <p:sldLayoutId id="2147483950" r:id="rId32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8288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6576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54864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73152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91440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IN" sz="14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474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652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828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006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178">
          <p15:clr>
            <a:srgbClr val="A4A3A4"/>
          </p15:clr>
        </p15:guide>
        <p15:guide id="7" orient="horz" pos="2958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hyperlink" Target="mailto:Raymond.Krasinski@philips.com" TargetMode="External"/><Relationship Id="rId1" Type="http://schemas.openxmlformats.org/officeDocument/2006/relationships/slideLayout" Target="../slideLayouts/slideLayout3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jpeg"/><Relationship Id="rId2" Type="http://schemas.openxmlformats.org/officeDocument/2006/relationships/image" Target="../media/image6.jpeg"/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10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4.xml"/><Relationship Id="rId6" Type="http://schemas.openxmlformats.org/officeDocument/2006/relationships/image" Target="../media/image8.png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7" Type="http://schemas.openxmlformats.org/officeDocument/2006/relationships/image" Target="../media/image12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4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image" Target="../media/image11.png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7" Type="http://schemas.openxmlformats.org/officeDocument/2006/relationships/image" Target="../media/image21.sv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24.xml"/><Relationship Id="rId6" Type="http://schemas.openxmlformats.org/officeDocument/2006/relationships/image" Target="../media/image20.png"/><Relationship Id="rId5" Type="http://schemas.openxmlformats.org/officeDocument/2006/relationships/image" Target="../media/image17.png"/><Relationship Id="rId4" Type="http://schemas.openxmlformats.org/officeDocument/2006/relationships/image" Target="../media/image19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4421C58-6373-A874-FA78-660A324108F3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5718ED8-E5BB-5402-03C8-98F7D8DFB650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</a:t>
            </a:fld>
            <a:endParaRPr lang="en-US" dirty="0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E7441CEE-2760-0199-F14C-B3614A5B0B5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03174984"/>
              </p:ext>
            </p:extLst>
          </p:nvPr>
        </p:nvGraphicFramePr>
        <p:xfrm>
          <a:off x="447332" y="391634"/>
          <a:ext cx="8099663" cy="716280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5327726">
                  <a:extLst>
                    <a:ext uri="{9D8B030D-6E8A-4147-A177-3AD203B41FA5}">
                      <a16:colId xmlns:a16="http://schemas.microsoft.com/office/drawing/2014/main" val="4273992771"/>
                    </a:ext>
                  </a:extLst>
                </a:gridCol>
                <a:gridCol w="2771937">
                  <a:extLst>
                    <a:ext uri="{9D8B030D-6E8A-4147-A177-3AD203B41FA5}">
                      <a16:colId xmlns:a16="http://schemas.microsoft.com/office/drawing/2014/main" val="233971126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algn="just">
                        <a:tabLst>
                          <a:tab pos="4572000" algn="l"/>
                        </a:tabLst>
                      </a:pPr>
                      <a:r>
                        <a:rPr lang="en-US" sz="1200" b="1" kern="100" dirty="0">
                          <a:effectLst/>
                        </a:rPr>
                        <a:t>ITU – Telecommunications Standardization Sector</a:t>
                      </a:r>
                      <a:endParaRPr lang="en-US" sz="1200" b="1" dirty="0">
                        <a:effectLst/>
                      </a:endParaRPr>
                    </a:p>
                    <a:p>
                      <a:pPr marL="0" marR="0" algn="just">
                        <a:tabLst>
                          <a:tab pos="4572000" algn="l"/>
                        </a:tabLst>
                      </a:pPr>
                      <a:r>
                        <a:rPr lang="en-US" sz="1200" kern="100" dirty="0">
                          <a:effectLst/>
                        </a:rPr>
                        <a:t>STUDY GROUP 21 Question 6</a:t>
                      </a:r>
                      <a:endParaRPr lang="en-US" sz="1200" dirty="0">
                        <a:effectLst/>
                      </a:endParaRPr>
                    </a:p>
                    <a:p>
                      <a:pPr marL="0" marR="0" algn="just">
                        <a:tabLst>
                          <a:tab pos="4572000" algn="l"/>
                        </a:tabLst>
                      </a:pPr>
                      <a:r>
                        <a:rPr lang="en-US" sz="1100" b="1" kern="100" dirty="0">
                          <a:effectLst/>
                        </a:rPr>
                        <a:t>Video Coding Experts Group (VCEG)</a:t>
                      </a:r>
                      <a:endParaRPr lang="en-US" sz="1200" b="1" dirty="0">
                        <a:effectLst/>
                      </a:endParaRPr>
                    </a:p>
                    <a:p>
                      <a:pPr marL="0" marR="0" algn="just">
                        <a:tabLst>
                          <a:tab pos="4572000" algn="l"/>
                        </a:tabLst>
                      </a:pPr>
                      <a:r>
                        <a:rPr lang="en-US" sz="1200" kern="100" dirty="0">
                          <a:effectLst/>
                        </a:rPr>
                        <a:t>76</a:t>
                      </a:r>
                      <a:r>
                        <a:rPr lang="en-US" sz="1200" kern="100" baseline="30000" dirty="0">
                          <a:effectLst/>
                        </a:rPr>
                        <a:t>th</a:t>
                      </a:r>
                      <a:r>
                        <a:rPr lang="en-US" sz="1200" kern="100" dirty="0">
                          <a:effectLst/>
                        </a:rPr>
                        <a:t> Meeting: 27 March – 4 April 2025, by teleconference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MS Mincho" panose="02020609040205080304" pitchFamily="49" charset="-128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r">
                        <a:tabLst>
                          <a:tab pos="4572000" algn="l"/>
                        </a:tabLst>
                      </a:pPr>
                      <a:r>
                        <a:rPr lang="en-US" sz="1200" kern="100" dirty="0">
                          <a:effectLst/>
                        </a:rPr>
                        <a:t>Document VCEG-BX06-v1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MS Mincho" panose="02020609040205080304" pitchFamily="49" charset="-128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067617436"/>
                  </a:ext>
                </a:extLst>
              </a:tr>
            </a:tbl>
          </a:graphicData>
        </a:graphic>
      </p:graphicFrame>
      <p:sp>
        <p:nvSpPr>
          <p:cNvPr id="6" name="TextBox 5">
            <a:extLst>
              <a:ext uri="{FF2B5EF4-FFF2-40B4-BE49-F238E27FC236}">
                <a16:creationId xmlns:a16="http://schemas.microsoft.com/office/drawing/2014/main" id="{0746553D-7D37-70D1-9CBE-2106177F8DCA}"/>
              </a:ext>
            </a:extLst>
          </p:cNvPr>
          <p:cNvSpPr txBox="1"/>
          <p:nvPr/>
        </p:nvSpPr>
        <p:spPr>
          <a:xfrm>
            <a:off x="502919" y="1769594"/>
            <a:ext cx="8044076" cy="113107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Question:		6/21 (VCEG)</a:t>
            </a:r>
          </a:p>
          <a:p>
            <a:r>
              <a:rPr lang="en-US" dirty="0"/>
              <a:t>Source:   		</a:t>
            </a:r>
            <a:r>
              <a:rPr lang="en-US" b="1" dirty="0"/>
              <a:t>Ray Krasinski</a:t>
            </a:r>
            <a:r>
              <a:rPr lang="en-US" dirty="0"/>
              <a:t>				E-mail: </a:t>
            </a:r>
            <a:r>
              <a:rPr lang="en-US" dirty="0">
                <a:hlinkClick r:id="rId2"/>
              </a:rPr>
              <a:t>Raymond.Krasinski@philips.com</a:t>
            </a:r>
            <a:endParaRPr lang="en-US" dirty="0"/>
          </a:p>
          <a:p>
            <a:endParaRPr lang="en-US" dirty="0"/>
          </a:p>
          <a:p>
            <a:r>
              <a:rPr lang="en-US" dirty="0"/>
              <a:t>Title: 		</a:t>
            </a:r>
            <a:r>
              <a:rPr lang="en-US" b="1" dirty="0"/>
              <a:t>ECG Use Cases</a:t>
            </a:r>
          </a:p>
          <a:p>
            <a:r>
              <a:rPr lang="en-US" dirty="0"/>
              <a:t>Purpose: 		Informational</a:t>
            </a:r>
          </a:p>
        </p:txBody>
      </p:sp>
    </p:spTree>
    <p:extLst>
      <p:ext uri="{BB962C8B-B14F-4D97-AF65-F5344CB8AC3E}">
        <p14:creationId xmlns:p14="http://schemas.microsoft.com/office/powerpoint/2010/main" val="26022104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1969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F35C0EA-99C7-0323-7018-8933753B915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Ray Krasinski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B1F6FDD-5D0B-80B7-BFD6-C216431E7BBA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GB" dirty="0"/>
              <a:t>Standardization, IP&amp;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70DF998-E2EC-D540-E729-2CF0593F838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GB" dirty="0"/>
              <a:t>2025-03-03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A6A23F3-5E09-48A4-3528-699B9431539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 dirty="0"/>
              <a:t>ECG Use Cas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824476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C4494E-D8F7-0410-1426-14FCD7156D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siderations – Diagnostic Needs</a:t>
            </a:r>
            <a:endParaRPr lang="en-NL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1C36EA5-35F8-4A87-27DB-CED7E9AE1762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860B7-5A42-E840-D2E5-0A7DC6F2183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62AB779-4DD7-4AEB-DE40-8E6D8D4BDF3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998018"/>
            <a:ext cx="8130712" cy="1576728"/>
          </a:xfrm>
        </p:spPr>
        <p:txBody>
          <a:bodyPr vert="horz" lIns="0" tIns="0" rIns="0" bIns="0" spcCol="324000" rtlCol="0" anchor="t">
            <a:noAutofit/>
          </a:bodyPr>
          <a:lstStyle/>
          <a:p>
            <a:r>
              <a:rPr lang="en-US" dirty="0"/>
              <a:t>Biomedical signals are subject to clinical evaluation</a:t>
            </a:r>
          </a:p>
          <a:p>
            <a:pPr lvl="1"/>
            <a:r>
              <a:rPr lang="en-US" dirty="0">
                <a:cs typeface="Calibri Light"/>
              </a:rPr>
              <a:t>Subjective and objective (e.g., AI algorithms) evaluation/ feature processing</a:t>
            </a:r>
          </a:p>
          <a:p>
            <a:pPr lvl="2">
              <a:buFont typeface="Wingdings" panose="020B0604020202020204" pitchFamily="34" charset="0"/>
              <a:buChar char="§"/>
            </a:pPr>
            <a:r>
              <a:rPr lang="en-US" dirty="0">
                <a:cs typeface="Calibri Light"/>
              </a:rPr>
              <a:t>E.g., DC-Component to derive breathing rate from ECG</a:t>
            </a:r>
          </a:p>
          <a:p>
            <a:pPr lvl="1"/>
            <a:r>
              <a:rPr lang="en-US" dirty="0">
                <a:cs typeface="Calibri Light"/>
              </a:rPr>
              <a:t>Vital that clinical features remain intact</a:t>
            </a:r>
          </a:p>
          <a:p>
            <a:pPr lvl="1"/>
            <a:r>
              <a:rPr lang="en-US" dirty="0">
                <a:cs typeface="Calibri Light"/>
              </a:rPr>
              <a:t>The absence of a feature-extraction-resilient compression solution that encompasses multiple signal types is leading to solutions supporting only one signal type, which hinders cross-signal evaluation</a:t>
            </a:r>
          </a:p>
        </p:txBody>
      </p:sp>
      <p:pic>
        <p:nvPicPr>
          <p:cNvPr id="8" name="Picture 7" descr="Biotel Heart Monitor: Understanding, Key Features, Benefits, And  Applications | The Lifesciences Magazine">
            <a:extLst>
              <a:ext uri="{FF2B5EF4-FFF2-40B4-BE49-F238E27FC236}">
                <a16:creationId xmlns:a16="http://schemas.microsoft.com/office/drawing/2014/main" id="{02E2C8B7-1E53-BDA1-E687-45E08658D21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37684" y="2768735"/>
            <a:ext cx="3078726" cy="2052485"/>
          </a:xfrm>
          <a:prstGeom prst="rect">
            <a:avLst/>
          </a:prstGeom>
        </p:spPr>
      </p:pic>
      <p:pic>
        <p:nvPicPr>
          <p:cNvPr id="9" name="Picture 8" descr="Philips Expand Cardiac Diagnostics and Monitoring Portfolio With Cardiologs  Acquisition | DAIC">
            <a:extLst>
              <a:ext uri="{FF2B5EF4-FFF2-40B4-BE49-F238E27FC236}">
                <a16:creationId xmlns:a16="http://schemas.microsoft.com/office/drawing/2014/main" id="{6C04FA62-1B45-DE05-D381-DA3A289101C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118919" y="2655971"/>
            <a:ext cx="3173980" cy="21652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98555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22F05DF7-6DCF-481F-5322-08E9F73491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nical Cardiology Landscape - 202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C2F786F-AABB-B83C-2E47-61A24A2D580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01A556-1BDB-4DD8-A59A-FE31D3FD182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DB083D8-076F-0D95-0EE2-A56B2F64655D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en-GB" dirty="0"/>
              <a:t>Increasingly, monitoring and diagnosis of cardiology conditions is moving from the collection of short-duration heart telemetry performed in an exam-room to longer-duration heart telemetry studies performed ambulatory outside of a traditional exam-room setting</a:t>
            </a:r>
          </a:p>
          <a:p>
            <a:pPr lvl="1"/>
            <a:r>
              <a:rPr lang="en-GB" dirty="0"/>
              <a:t>Clinical-site-based collection of data is still an important use case, both for regular monitoring and for acute events</a:t>
            </a:r>
          </a:p>
          <a:p>
            <a:pPr lvl="1"/>
            <a:r>
              <a:rPr lang="en-GB" dirty="0"/>
              <a:t>The ability to collect data from a patient over multiple days increases the understanding of the patient’s specific situation and allows for a more precise diagnosis leading to improved treatmen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0763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C3957CB-9507-F0C3-34EF-1CB68EDDE2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8FCEC53-37CF-88B3-C4D0-2E0CB99C99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edside Patient Monitor - Hospita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48528A2-1FCE-FFDB-0BA1-1B8D5D35BA6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FFA682-2D7F-53C3-75AE-083C5FD3221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55125126-15D3-E457-2BD7-6C170440F938}"/>
              </a:ext>
            </a:extLst>
          </p:cNvPr>
          <p:cNvSpPr txBox="1"/>
          <p:nvPr/>
        </p:nvSpPr>
        <p:spPr>
          <a:xfrm>
            <a:off x="6755497" y="2666004"/>
            <a:ext cx="1507059" cy="86177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Hospital staff  may also monitor data from multiple patients via central monitoring system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C0D81376-907B-F2E4-3B8A-8799B78B8456}"/>
              </a:ext>
            </a:extLst>
          </p:cNvPr>
          <p:cNvSpPr txBox="1"/>
          <p:nvPr/>
        </p:nvSpPr>
        <p:spPr>
          <a:xfrm>
            <a:off x="512796" y="2742948"/>
            <a:ext cx="1875709" cy="70788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Wired (multi-lead) bedside monitor collects real-time data continuously and displays on bedside monitor</a:t>
            </a:r>
          </a:p>
        </p:txBody>
      </p: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5B0A65FF-FA46-C833-D41C-9B9196355B54}"/>
              </a:ext>
            </a:extLst>
          </p:cNvPr>
          <p:cNvCxnSpPr>
            <a:cxnSpLocks/>
          </p:cNvCxnSpPr>
          <p:nvPr/>
        </p:nvCxnSpPr>
        <p:spPr>
          <a:xfrm flipV="1">
            <a:off x="2521815" y="1830114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Content Placeholder 4">
            <a:extLst>
              <a:ext uri="{FF2B5EF4-FFF2-40B4-BE49-F238E27FC236}">
                <a16:creationId xmlns:a16="http://schemas.microsoft.com/office/drawing/2014/main" id="{023039AE-DE66-02B1-B0FE-03E44E35C3FA}"/>
              </a:ext>
            </a:extLst>
          </p:cNvPr>
          <p:cNvSpPr txBox="1">
            <a:spLocks/>
          </p:cNvSpPr>
          <p:nvPr/>
        </p:nvSpPr>
        <p:spPr>
          <a:xfrm>
            <a:off x="500835" y="3711306"/>
            <a:ext cx="8139929" cy="1100653"/>
          </a:xfrm>
          <a:prstGeom prst="rect">
            <a:avLst/>
          </a:prstGeom>
        </p:spPr>
        <p:txBody>
          <a:bodyPr/>
          <a:lstStyle>
            <a:lvl1pPr marL="18288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36576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54864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73152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91440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IN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474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652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828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006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Fully “wired” solution</a:t>
            </a:r>
          </a:p>
          <a:p>
            <a:r>
              <a:rPr lang="en-US" dirty="0"/>
              <a:t>Multi-lead real-time waveforms displayed bedside and on central monitoring system</a:t>
            </a:r>
          </a:p>
          <a:p>
            <a:r>
              <a:rPr lang="en-US" dirty="0"/>
              <a:t>Several “variants” for use “in </a:t>
            </a:r>
            <a:r>
              <a:rPr lang="en-US"/>
              <a:t>the field” (Ambulance) </a:t>
            </a:r>
            <a:r>
              <a:rPr lang="en-US" dirty="0"/>
              <a:t>applications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1C24E80C-9BD7-EAAB-D682-472B49D3C6C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179666" y="1293109"/>
            <a:ext cx="2456337" cy="1278641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B12A0FF0-9987-1911-027D-45DA029147B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432965" y="927099"/>
            <a:ext cx="1316063" cy="1987977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719BF8A2-F869-9E0C-6365-7D38FE742ED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3380" y="1095376"/>
            <a:ext cx="2053114" cy="1495559"/>
          </a:xfrm>
          <a:prstGeom prst="rect">
            <a:avLst/>
          </a:prstGeom>
        </p:spPr>
      </p:pic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986A98C1-A3A1-3A4C-EC8B-FC662F2D1CE6}"/>
              </a:ext>
            </a:extLst>
          </p:cNvPr>
          <p:cNvCxnSpPr>
            <a:cxnSpLocks/>
          </p:cNvCxnSpPr>
          <p:nvPr/>
        </p:nvCxnSpPr>
        <p:spPr>
          <a:xfrm flipV="1">
            <a:off x="5348349" y="1828467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65635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5844FF-68AC-654A-DB97-92DFD8F7ED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B3A718-44C0-5D47-48AE-AB2963DC8FA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hilips Wearable Patient Monitor - Hospita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FDF7E24-C4F0-ADA5-9C62-8E3BACB0E9E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BB9FB8D-B093-7121-74DD-4FA6C321435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5D34F3EB-3354-E170-C1C3-9E4F958C4FA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46119" y="1323543"/>
            <a:ext cx="561975" cy="523875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B76EA04B-BBC1-F395-E152-B03268C3CAA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58567" y="1543327"/>
            <a:ext cx="1171575" cy="866775"/>
          </a:xfrm>
          <a:prstGeom prst="rect">
            <a:avLst/>
          </a:prstGeom>
        </p:spPr>
      </p:pic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51E2B01F-9389-1217-62C4-2F1DBAF37BF9}"/>
              </a:ext>
            </a:extLst>
          </p:cNvPr>
          <p:cNvCxnSpPr>
            <a:cxnSpLocks/>
          </p:cNvCxnSpPr>
          <p:nvPr/>
        </p:nvCxnSpPr>
        <p:spPr>
          <a:xfrm flipV="1">
            <a:off x="1120320" y="2070841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6B12E958-5CE9-5DFC-2076-938B8C547BB8}"/>
              </a:ext>
            </a:extLst>
          </p:cNvPr>
          <p:cNvSpPr txBox="1"/>
          <p:nvPr/>
        </p:nvSpPr>
        <p:spPr>
          <a:xfrm>
            <a:off x="4569620" y="2777486"/>
            <a:ext cx="1507059" cy="86177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Hospital staff  continuously monitors data from multiple patients via central monitoring system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CA3EDCF-6ADD-F204-D052-28A66B148564}"/>
              </a:ext>
            </a:extLst>
          </p:cNvPr>
          <p:cNvSpPr txBox="1"/>
          <p:nvPr/>
        </p:nvSpPr>
        <p:spPr>
          <a:xfrm>
            <a:off x="1769012" y="2771771"/>
            <a:ext cx="1875709" cy="86177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Wired (multi-lead) monitor collects real-time data continuously and transmits to in-hospital central monitoring system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60BBC306-A45A-BD2E-45BC-902E7D8A5CC3}"/>
              </a:ext>
            </a:extLst>
          </p:cNvPr>
          <p:cNvSpPr txBox="1"/>
          <p:nvPr/>
        </p:nvSpPr>
        <p:spPr>
          <a:xfrm>
            <a:off x="7277879" y="2660829"/>
            <a:ext cx="1507059" cy="86177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Clinician alerted when evaluation of anomalous results needed. Clinician may review patient data from central monitor</a:t>
            </a:r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F762190E-0097-EACF-0A7B-818C6287D4E9}"/>
              </a:ext>
            </a:extLst>
          </p:cNvPr>
          <p:cNvCxnSpPr>
            <a:cxnSpLocks/>
          </p:cNvCxnSpPr>
          <p:nvPr/>
        </p:nvCxnSpPr>
        <p:spPr>
          <a:xfrm>
            <a:off x="3156245" y="2067443"/>
            <a:ext cx="1056312" cy="21030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97FA8E63-8B9D-7333-C66F-8B6AC274B3F0}"/>
              </a:ext>
            </a:extLst>
          </p:cNvPr>
          <p:cNvCxnSpPr>
            <a:cxnSpLocks/>
          </p:cNvCxnSpPr>
          <p:nvPr/>
        </p:nvCxnSpPr>
        <p:spPr>
          <a:xfrm flipV="1">
            <a:off x="6748727" y="2075586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Content Placeholder 4">
            <a:extLst>
              <a:ext uri="{FF2B5EF4-FFF2-40B4-BE49-F238E27FC236}">
                <a16:creationId xmlns:a16="http://schemas.microsoft.com/office/drawing/2014/main" id="{6C6DDE28-0C58-FD83-5824-7D18CFD77AEC}"/>
              </a:ext>
            </a:extLst>
          </p:cNvPr>
          <p:cNvSpPr txBox="1">
            <a:spLocks/>
          </p:cNvSpPr>
          <p:nvPr/>
        </p:nvSpPr>
        <p:spPr>
          <a:xfrm>
            <a:off x="500835" y="3711306"/>
            <a:ext cx="8139929" cy="1100653"/>
          </a:xfrm>
          <a:prstGeom prst="rect">
            <a:avLst/>
          </a:prstGeom>
        </p:spPr>
        <p:txBody>
          <a:bodyPr/>
          <a:lstStyle>
            <a:lvl1pPr marL="18288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36576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54864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73152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91440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IN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474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652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828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006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Clinician at central monitoring system receives alarms on clinical events</a:t>
            </a:r>
          </a:p>
          <a:p>
            <a:r>
              <a:rPr lang="en-US" dirty="0"/>
              <a:t>2 channels of real-time waveforms can be displayed directly on device and on central monitoring system</a:t>
            </a:r>
          </a:p>
          <a:p>
            <a:r>
              <a:rPr lang="en-US" dirty="0"/>
              <a:t>Wearable can work on rechargeable or disposable (AA) batteries</a:t>
            </a:r>
          </a:p>
          <a:p>
            <a:r>
              <a:rPr lang="en-US" dirty="0"/>
              <a:t>Allows for recovering patients to begin moving as part of recovery or to change locations within clinical site for treatment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113A610-BB14-0B67-AF04-D3DF5AE55E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09142" y="1258817"/>
            <a:ext cx="781050" cy="163353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0B3115D5-DC12-63D5-0280-05F0CB9615F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35711" y="1099245"/>
            <a:ext cx="1216632" cy="1578502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E579C7EE-6BAC-1EA3-D348-909D7EB965D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082937" y="1346546"/>
            <a:ext cx="2456337" cy="12786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143072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2969D4A-2E86-B277-F70C-D7C31EDCA30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hilips Clinical Patch Workflow - Ambulator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3A84706-460B-C6DC-9892-6D31E6C94B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D6395AE-8FD8-D06C-9B7F-18847A86CBF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7</a:t>
            </a:fld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AA77A90-90B2-286A-ACB9-2CAF0B4194F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83509" y="1299882"/>
            <a:ext cx="1152525" cy="133350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2BEB7536-0C98-4A29-3AAE-E6D0E6683BE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38114" y="1242732"/>
            <a:ext cx="1057275" cy="1447800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D24370F-E13C-F1ED-4F31-02D46B79323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85548" y="1393884"/>
            <a:ext cx="561975" cy="523875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50B9C6CD-B698-43EE-5742-DCF8F0FEF59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900749" y="1438273"/>
            <a:ext cx="381000" cy="49530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8FD3877F-C59E-19D9-D223-21D527F0A6B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543726" y="1438552"/>
            <a:ext cx="1238250" cy="97155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3F7FA8FA-1724-29EF-FE4E-83CBEE00DB2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358567" y="1543327"/>
            <a:ext cx="1171575" cy="866775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C686F17F-C2CD-80D8-F6C6-CCD286A2F6A1}"/>
              </a:ext>
            </a:extLst>
          </p:cNvPr>
          <p:cNvSpPr/>
          <p:nvPr/>
        </p:nvSpPr>
        <p:spPr>
          <a:xfrm>
            <a:off x="435048" y="1810870"/>
            <a:ext cx="861957" cy="485776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Place Order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EED8EF48-D38B-5A50-953D-D63E8A71C008}"/>
              </a:ext>
            </a:extLst>
          </p:cNvPr>
          <p:cNvCxnSpPr>
            <a:cxnSpLocks/>
          </p:cNvCxnSpPr>
          <p:nvPr/>
        </p:nvCxnSpPr>
        <p:spPr>
          <a:xfrm flipV="1">
            <a:off x="1297005" y="2053758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A42686F9-1076-4BA1-A0AF-9E7BE56D263B}"/>
              </a:ext>
            </a:extLst>
          </p:cNvPr>
          <p:cNvSpPr txBox="1"/>
          <p:nvPr/>
        </p:nvSpPr>
        <p:spPr>
          <a:xfrm>
            <a:off x="3699910" y="2734997"/>
            <a:ext cx="1507059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Monitor continuously analyses patch data algorithmically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2AB0976E-5D65-A3F1-1E89-9067ED405264}"/>
              </a:ext>
            </a:extLst>
          </p:cNvPr>
          <p:cNvSpPr txBox="1"/>
          <p:nvPr/>
        </p:nvSpPr>
        <p:spPr>
          <a:xfrm>
            <a:off x="1769012" y="2771771"/>
            <a:ext cx="1507059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Patch collects real-time data continuously and transmits to monitor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7FA26454-3292-6CA9-F9B1-291E40B33D2F}"/>
              </a:ext>
            </a:extLst>
          </p:cNvPr>
          <p:cNvSpPr txBox="1"/>
          <p:nvPr/>
        </p:nvSpPr>
        <p:spPr>
          <a:xfrm>
            <a:off x="5543726" y="2662563"/>
            <a:ext cx="1507059" cy="86177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ECG Technicians review ECG transmissions (24/7) and alert clinician based on clinician’s notification protocol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8987962C-3954-05EC-E776-95772C6194C3}"/>
              </a:ext>
            </a:extLst>
          </p:cNvPr>
          <p:cNvSpPr txBox="1"/>
          <p:nvPr/>
        </p:nvSpPr>
        <p:spPr>
          <a:xfrm>
            <a:off x="7277879" y="2660829"/>
            <a:ext cx="1507059" cy="70788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Web portal reports for review to clinician and clinician provides intervention as needed</a:t>
            </a:r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F808A265-336E-DE7A-2378-DAE3EAD2EA6D}"/>
              </a:ext>
            </a:extLst>
          </p:cNvPr>
          <p:cNvCxnSpPr>
            <a:cxnSpLocks/>
          </p:cNvCxnSpPr>
          <p:nvPr/>
        </p:nvCxnSpPr>
        <p:spPr>
          <a:xfrm flipV="1">
            <a:off x="3026625" y="2075586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4CBD788B-2D01-15D2-F7E5-983615BEF3D7}"/>
              </a:ext>
            </a:extLst>
          </p:cNvPr>
          <p:cNvCxnSpPr>
            <a:cxnSpLocks/>
          </p:cNvCxnSpPr>
          <p:nvPr/>
        </p:nvCxnSpPr>
        <p:spPr>
          <a:xfrm flipV="1">
            <a:off x="4813813" y="2075586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CC72B6B0-E561-7204-1425-B15199CE2A2A}"/>
              </a:ext>
            </a:extLst>
          </p:cNvPr>
          <p:cNvCxnSpPr>
            <a:cxnSpLocks/>
          </p:cNvCxnSpPr>
          <p:nvPr/>
        </p:nvCxnSpPr>
        <p:spPr>
          <a:xfrm flipV="1">
            <a:off x="6748727" y="2075586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Content Placeholder 4">
            <a:extLst>
              <a:ext uri="{FF2B5EF4-FFF2-40B4-BE49-F238E27FC236}">
                <a16:creationId xmlns:a16="http://schemas.microsoft.com/office/drawing/2014/main" id="{96ACCF15-2DC4-BAE8-20A5-5BFEE7D014D5}"/>
              </a:ext>
            </a:extLst>
          </p:cNvPr>
          <p:cNvSpPr txBox="1">
            <a:spLocks/>
          </p:cNvSpPr>
          <p:nvPr/>
        </p:nvSpPr>
        <p:spPr>
          <a:xfrm>
            <a:off x="500835" y="3556764"/>
            <a:ext cx="8139929" cy="961165"/>
          </a:xfrm>
          <a:prstGeom prst="rect">
            <a:avLst/>
          </a:prstGeom>
        </p:spPr>
        <p:txBody>
          <a:bodyPr/>
          <a:lstStyle>
            <a:lvl1pPr marL="18288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36576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54864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73152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91440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IN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474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652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828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006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Single-lead patch can be worn for 10-14 days before battery is exhausted</a:t>
            </a:r>
          </a:p>
          <a:p>
            <a:pPr lvl="1"/>
            <a:r>
              <a:rPr lang="en-US" dirty="0"/>
              <a:t>12 bit, 2 channels, 50Hz</a:t>
            </a:r>
          </a:p>
          <a:p>
            <a:r>
              <a:rPr lang="en-US" dirty="0"/>
              <a:t>Three-lead version of patch can be worn for 3-5 days before battery is fully exhausted</a:t>
            </a:r>
          </a:p>
          <a:p>
            <a:r>
              <a:rPr lang="en-US" dirty="0"/>
              <a:t>The longer the patch can be continuously worn by the patient, the more accurate and complete the diagnosis</a:t>
            </a:r>
          </a:p>
        </p:txBody>
      </p:sp>
    </p:spTree>
    <p:extLst>
      <p:ext uri="{BB962C8B-B14F-4D97-AF65-F5344CB8AC3E}">
        <p14:creationId xmlns:p14="http://schemas.microsoft.com/office/powerpoint/2010/main" val="174605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2E9764B-00A0-14CF-BDB5-EAB14AE590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on-clinical Heart Monitoring - 202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DD32F0E-47AE-CB76-0E45-5B9816C3A11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5A1BCD-2496-27C9-C7B3-5E25668F522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29DDDBC-A203-A182-C763-5BF47E40D54D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en-US" dirty="0"/>
              <a:t>As consumer wearable technology becomes the norm for consumers, it is now common for users of wearable technology to get continuous information on heart rate and other telemetry-like information</a:t>
            </a:r>
          </a:p>
          <a:p>
            <a:pPr lvl="1"/>
            <a:r>
              <a:rPr lang="en-US" dirty="0"/>
              <a:t>These devices do not have the same quality and accuracy requirements as clinical devices. Data produced is of less-certain quality</a:t>
            </a:r>
          </a:p>
          <a:p>
            <a:r>
              <a:rPr lang="en-US" dirty="0"/>
              <a:t>There is a very large volume of data collected by consumer wearables and this data is finding its way into the clinical setting</a:t>
            </a:r>
          </a:p>
          <a:p>
            <a:r>
              <a:rPr lang="en-US" dirty="0"/>
              <a:t>Understanding the quality of this data, and its provenance, is necessary to properly situate this data in the health, wellness and fitness landscape</a:t>
            </a:r>
          </a:p>
        </p:txBody>
      </p:sp>
    </p:spTree>
    <p:extLst>
      <p:ext uri="{BB962C8B-B14F-4D97-AF65-F5344CB8AC3E}">
        <p14:creationId xmlns:p14="http://schemas.microsoft.com/office/powerpoint/2010/main" val="2053526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68EBC8F-1C9F-8841-100C-A3B53C083B3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E089EF-7F82-A471-CFA7-737F897503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sumer Wearable Use Cas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DA32606-8BD5-BEC4-3588-CE51232C039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EEED77-7D70-FAC3-F028-FEF93F971E5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9</a:t>
            </a:fld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9B5EE17-27C7-0646-B9A9-0377EBD9520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38114" y="1242732"/>
            <a:ext cx="1057275" cy="1447800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E9F81B9D-BCD5-9BDB-97FE-0C657DB7602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985548" y="1393884"/>
            <a:ext cx="561975" cy="523875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7F93D1CC-016B-F50D-57F2-99CF37A8071E}"/>
              </a:ext>
            </a:extLst>
          </p:cNvPr>
          <p:cNvSpPr/>
          <p:nvPr/>
        </p:nvSpPr>
        <p:spPr>
          <a:xfrm>
            <a:off x="322370" y="1759322"/>
            <a:ext cx="974635" cy="59923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Consumer Purchase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6ADB93EC-B642-752E-B5C6-097008619478}"/>
              </a:ext>
            </a:extLst>
          </p:cNvPr>
          <p:cNvCxnSpPr>
            <a:cxnSpLocks/>
          </p:cNvCxnSpPr>
          <p:nvPr/>
        </p:nvCxnSpPr>
        <p:spPr>
          <a:xfrm flipV="1">
            <a:off x="1297005" y="2053758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4985C59A-EE81-3094-737A-1335F0794CFB}"/>
              </a:ext>
            </a:extLst>
          </p:cNvPr>
          <p:cNvSpPr txBox="1"/>
          <p:nvPr/>
        </p:nvSpPr>
        <p:spPr>
          <a:xfrm>
            <a:off x="3699910" y="2734997"/>
            <a:ext cx="1507059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Mobile phone app displays near-real-time and retrospective data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39A152-956D-A5F5-6F1A-A15F88EF986E}"/>
              </a:ext>
            </a:extLst>
          </p:cNvPr>
          <p:cNvSpPr txBox="1"/>
          <p:nvPr/>
        </p:nvSpPr>
        <p:spPr>
          <a:xfrm>
            <a:off x="1769012" y="2771771"/>
            <a:ext cx="1507059" cy="101566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Watch collects data (continuously or at user request) and transmits to application, may be continuously or when requested</a:t>
            </a:r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7A7538B2-5903-CDC8-F0BF-6F91B46F0799}"/>
              </a:ext>
            </a:extLst>
          </p:cNvPr>
          <p:cNvCxnSpPr>
            <a:cxnSpLocks/>
          </p:cNvCxnSpPr>
          <p:nvPr/>
        </p:nvCxnSpPr>
        <p:spPr>
          <a:xfrm flipV="1">
            <a:off x="3026625" y="2075586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Content Placeholder 4">
            <a:extLst>
              <a:ext uri="{FF2B5EF4-FFF2-40B4-BE49-F238E27FC236}">
                <a16:creationId xmlns:a16="http://schemas.microsoft.com/office/drawing/2014/main" id="{88FCD7D0-B73E-0F89-A014-2DFA1DA827CF}"/>
              </a:ext>
            </a:extLst>
          </p:cNvPr>
          <p:cNvSpPr txBox="1">
            <a:spLocks/>
          </p:cNvSpPr>
          <p:nvPr/>
        </p:nvSpPr>
        <p:spPr>
          <a:xfrm>
            <a:off x="500835" y="3734897"/>
            <a:ext cx="8139929" cy="961165"/>
          </a:xfrm>
          <a:prstGeom prst="rect">
            <a:avLst/>
          </a:prstGeom>
        </p:spPr>
        <p:txBody>
          <a:bodyPr/>
          <a:lstStyle>
            <a:lvl1pPr marL="18288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36576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54864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73152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US" sz="1400" b="0" i="0" kern="1200" dirty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914400" indent="-18288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Font typeface="Arial" panose="020B0604020202020204" pitchFamily="34" charset="0"/>
              <a:buChar char="•"/>
              <a:defRPr lang="en-IN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474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652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828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006" indent="-228588" algn="l" defTabSz="91435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(Mostly) single-sensor devices</a:t>
            </a:r>
          </a:p>
          <a:p>
            <a:r>
              <a:rPr lang="en-US" dirty="0"/>
              <a:t>Watches are worn intermittently (and unpredictably)</a:t>
            </a:r>
          </a:p>
          <a:p>
            <a:r>
              <a:rPr lang="en-US" dirty="0"/>
              <a:t>Watches are commonly worn too “loose” to produce high quality results</a:t>
            </a:r>
          </a:p>
        </p:txBody>
      </p:sp>
      <p:pic>
        <p:nvPicPr>
          <p:cNvPr id="1026" name="Picture 2" descr="Web page related images">
            <a:extLst>
              <a:ext uri="{FF2B5EF4-FFF2-40B4-BE49-F238E27FC236}">
                <a16:creationId xmlns:a16="http://schemas.microsoft.com/office/drawing/2014/main" id="{12094ACC-67B0-4663-F0B3-E45EAC51BDD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35288" y="1505612"/>
            <a:ext cx="838200" cy="9906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E76DBB8B-8388-B69B-AF21-EA3AE2015D4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900749" y="1438273"/>
            <a:ext cx="381000" cy="495300"/>
          </a:xfrm>
          <a:prstGeom prst="rect">
            <a:avLst/>
          </a:prstGeom>
        </p:spPr>
      </p:pic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323B2171-466F-A643-9949-1D9391A8AC58}"/>
              </a:ext>
            </a:extLst>
          </p:cNvPr>
          <p:cNvCxnSpPr>
            <a:cxnSpLocks/>
          </p:cNvCxnSpPr>
          <p:nvPr/>
        </p:nvCxnSpPr>
        <p:spPr>
          <a:xfrm flipV="1">
            <a:off x="4813813" y="2075586"/>
            <a:ext cx="611489" cy="4745"/>
          </a:xfrm>
          <a:prstGeom prst="straightConnector1">
            <a:avLst/>
          </a:prstGeom>
          <a:ln w="12700">
            <a:solidFill>
              <a:srgbClr val="7030A0"/>
            </a:solidFill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C01418E7-E702-BE17-6D88-D416E79C4528}"/>
              </a:ext>
            </a:extLst>
          </p:cNvPr>
          <p:cNvSpPr txBox="1"/>
          <p:nvPr/>
        </p:nvSpPr>
        <p:spPr>
          <a:xfrm>
            <a:off x="5871023" y="2771770"/>
            <a:ext cx="1507059" cy="86177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Data may be uploaded to a device manufacturer web portal for further analysis and aggregation with other user’s data</a:t>
            </a:r>
          </a:p>
        </p:txBody>
      </p:sp>
      <p:pic>
        <p:nvPicPr>
          <p:cNvPr id="13" name="Graphic 12" descr="Laptop with phone and calculator">
            <a:extLst>
              <a:ext uri="{FF2B5EF4-FFF2-40B4-BE49-F238E27FC236}">
                <a16:creationId xmlns:a16="http://schemas.microsoft.com/office/drawing/2014/main" id="{E651C14F-C288-ADFF-7C8C-9A4A03D4EA3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5543726" y="887661"/>
            <a:ext cx="2213389" cy="22133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56112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heme/theme1.xml><?xml version="1.0" encoding="utf-8"?>
<a:theme xmlns:a="http://schemas.openxmlformats.org/drawingml/2006/main" name="Slide Master Only">
  <a:themeElements>
    <a:clrScheme name="Philips (2024)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E050"/>
      </a:accent4>
      <a:accent5>
        <a:srgbClr val="FA8DDC"/>
      </a:accent5>
      <a:accent6>
        <a:srgbClr val="D780FF"/>
      </a:accent6>
      <a:hlink>
        <a:srgbClr val="00619F"/>
      </a:hlink>
      <a:folHlink>
        <a:srgbClr val="00629F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1440" tIns="45720" rIns="91440" bIns="4572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E0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F820F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974195597518045187","enableDocumentContentUpdater":false,"version":"2.0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6b2685c3-cb74-402e-89a3-cd359bd59e48">
      <UserInfo>
        <DisplayName>Amico, Mario</DisplayName>
        <AccountId>9</AccountId>
        <AccountType/>
      </UserInfo>
      <UserInfo>
        <DisplayName>Szurley, Andrew</DisplayName>
        <AccountId>20</AccountId>
        <AccountType/>
      </UserInfo>
      <UserInfo>
        <DisplayName>Baranyi, Katalin</DisplayName>
        <AccountId>234</AccountId>
        <AccountType/>
      </UserInfo>
    </SharedWithUsers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Behandelaar xmlns="2f7262f3-19e3-4c38-834c-996e2cec5b6c" xsi:nil="true"/>
    <Onderwerp xmlns="2f7262f3-19e3-4c38-834c-996e2cec5b6c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Een nieuw document maken." ma:contentTypeScope="" ma:versionID="70c7e8f7f8dec0797a309982e418a14f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dcf1b6941baf25605f9a06755b8e3dd4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974195597518045185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974195597518045186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FBCB3F7-860C-40CC-8532-A042390E68D6}">
  <ds:schemaRefs/>
</ds:datastoreItem>
</file>

<file path=customXml/itemProps10.xml><?xml version="1.0" encoding="utf-8"?>
<ds:datastoreItem xmlns:ds="http://schemas.openxmlformats.org/officeDocument/2006/customXml" ds:itemID="{CB6C5B8A-2523-4C45-96AD-58F4F0A1A742}">
  <ds:schemaRefs/>
</ds:datastoreItem>
</file>

<file path=customXml/itemProps11.xml><?xml version="1.0" encoding="utf-8"?>
<ds:datastoreItem xmlns:ds="http://schemas.openxmlformats.org/officeDocument/2006/customXml" ds:itemID="{F78B89AF-2F74-46A8-B70C-AD4E9921C1EC}">
  <ds:schemaRefs/>
</ds:datastoreItem>
</file>

<file path=customXml/itemProps2.xml><?xml version="1.0" encoding="utf-8"?>
<ds:datastoreItem xmlns:ds="http://schemas.openxmlformats.org/officeDocument/2006/customXml" ds:itemID="{7A01E660-3AD1-447B-BF94-526C6936E99F}">
  <ds:schemaRefs>
    <ds:schemaRef ds:uri="6b2685c3-cb74-402e-89a3-cd359bd59e48"/>
    <ds:schemaRef ds:uri="2f7262f3-19e3-4c38-834c-996e2cec5b6c"/>
    <ds:schemaRef ds:uri="http://schemas.microsoft.com/office/2006/documentManagement/types"/>
    <ds:schemaRef ds:uri="http://www.w3.org/XML/1998/namespace"/>
    <ds:schemaRef ds:uri="http://purl.org/dc/elements/1.1/"/>
    <ds:schemaRef ds:uri="http://purl.org/dc/dcmitype/"/>
    <ds:schemaRef ds:uri="http://schemas.openxmlformats.org/package/2006/metadata/core-properties"/>
    <ds:schemaRef ds:uri="http://purl.org/dc/terms/"/>
    <ds:schemaRef ds:uri="http://schemas.microsoft.com/office/infopath/2007/PartnerControls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758FF650-907C-428F-AD7B-6BA9D849A6CB}">
  <ds:schemaRefs/>
</ds:datastoreItem>
</file>

<file path=customXml/itemProps4.xml><?xml version="1.0" encoding="utf-8"?>
<ds:datastoreItem xmlns:ds="http://schemas.openxmlformats.org/officeDocument/2006/customXml" ds:itemID="{02D352A2-7C85-4751-A466-2DA9F1503391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7E1D4A4-18AD-420D-A305-6C9D14674AF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6676BF48-30DD-415D-9938-E95196FAB035}">
  <ds:schemaRefs/>
</ds:datastoreItem>
</file>

<file path=customXml/itemProps7.xml><?xml version="1.0" encoding="utf-8"?>
<ds:datastoreItem xmlns:ds="http://schemas.openxmlformats.org/officeDocument/2006/customXml" ds:itemID="{98756B07-09A8-41C0-BCFE-BF9CE3A83E99}">
  <ds:schemaRefs/>
</ds:datastoreItem>
</file>

<file path=customXml/itemProps8.xml><?xml version="1.0" encoding="utf-8"?>
<ds:datastoreItem xmlns:ds="http://schemas.openxmlformats.org/officeDocument/2006/customXml" ds:itemID="{91D00BC4-43EF-4297-91F6-F5EF8606EE84}">
  <ds:schemaRefs/>
</ds:datastoreItem>
</file>

<file path=customXml/itemProps9.xml><?xml version="1.0" encoding="utf-8"?>
<ds:datastoreItem xmlns:ds="http://schemas.openxmlformats.org/officeDocument/2006/customXml" ds:itemID="{0FF0764C-21BC-43BC-B9A4-C8EFD22A9D5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_Presentation template Jan21</Template>
  <TotalTime>2</TotalTime>
  <Words>707</Words>
  <Application>Microsoft Office PowerPoint</Application>
  <PresentationFormat>On-screen Show (16:9)</PresentationFormat>
  <Paragraphs>69</Paragraphs>
  <Slides>1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6" baseType="lpstr">
      <vt:lpstr>Arial</vt:lpstr>
      <vt:lpstr>Calibri</vt:lpstr>
      <vt:lpstr>Calibri Light</vt:lpstr>
      <vt:lpstr>Times New Roman</vt:lpstr>
      <vt:lpstr>Wingdings</vt:lpstr>
      <vt:lpstr>Slide Master Only</vt:lpstr>
      <vt:lpstr>PowerPoint Presentation</vt:lpstr>
      <vt:lpstr>PowerPoint Presentation</vt:lpstr>
      <vt:lpstr>Considerations – Diagnostic Needs</vt:lpstr>
      <vt:lpstr>Clinical Cardiology Landscape - 2025</vt:lpstr>
      <vt:lpstr>Bedside Patient Monitor - Hospital</vt:lpstr>
      <vt:lpstr>Philips Wearable Patient Monitor - Hospital</vt:lpstr>
      <vt:lpstr>Philips Clinical Patch Workflow - Ambulatory</vt:lpstr>
      <vt:lpstr>Non-clinical Heart Monitoring - 2025</vt:lpstr>
      <vt:lpstr>Consumer Wearable Use Case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Krasinski, Ray</dc:creator>
  <cp:lastModifiedBy>-v2</cp:lastModifiedBy>
  <cp:revision>5</cp:revision>
  <dcterms:created xsi:type="dcterms:W3CDTF">2024-08-05T15:23:42Z</dcterms:created>
  <dcterms:modified xsi:type="dcterms:W3CDTF">2025-03-24T21:18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ContentTypeId">
    <vt:lpwstr>0x010100AED8E6AD952BA74A855EB02C79D83CD1</vt:lpwstr>
  </property>
  <property fmtid="{D5CDD505-2E9C-101B-9397-08002B2CF9AE}" pid="4" name="TemplafyTimeStamp">
    <vt:lpwstr>2024-08-05T15:08:14</vt:lpwstr>
  </property>
  <property fmtid="{D5CDD505-2E9C-101B-9397-08002B2CF9AE}" pid="5" name="TemplafyTenantId">
    <vt:lpwstr>philips</vt:lpwstr>
  </property>
  <property fmtid="{D5CDD505-2E9C-101B-9397-08002B2CF9AE}" pid="6" name="TemplafyTemplateId">
    <vt:lpwstr>974195589707727978</vt:lpwstr>
  </property>
  <property fmtid="{D5CDD505-2E9C-101B-9397-08002B2CF9AE}" pid="7" name="TemplafyUserProfileId">
    <vt:lpwstr>638010954249373572</vt:lpwstr>
  </property>
  <property fmtid="{D5CDD505-2E9C-101B-9397-08002B2CF9AE}" pid="8" name="TemplafyFromBlank">
    <vt:bool>true</vt:bool>
  </property>
</Properties>
</file>